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drawings/drawing3.xml" ContentType="application/vnd.openxmlformats-officedocument.drawing+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drawings/drawing4.xml" ContentType="application/vnd.openxmlformats-officedocument.drawing+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xl/webextensions/taskpanes.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5601"/>
  <workbookPr/>
  <mc:AlternateContent xmlns:mc="http://schemas.openxmlformats.org/markup-compatibility/2006">
    <mc:Choice Requires="x15">
      <x15ac:absPath xmlns:x15ac="http://schemas.microsoft.com/office/spreadsheetml/2010/11/ac" url="https://zerowastescotland-my.sharepoint.com/personal/chris_morrison_zerowastescotland_org_uk/Documents/Desktop/LHEES SG/Capacity/Arup/"/>
    </mc:Choice>
  </mc:AlternateContent>
  <xr:revisionPtr revIDLastSave="0" documentId="8_{2ED69BF8-1A85-48D4-8AD7-9D68A2FBB641}" xr6:coauthVersionLast="47" xr6:coauthVersionMax="47" xr10:uidLastSave="{00000000-0000-0000-0000-000000000000}"/>
  <bookViews>
    <workbookView xWindow="-120" yWindow="-120" windowWidth="29040" windowHeight="15840" xr2:uid="{00000000-000D-0000-FFFF-FFFF00000000}"/>
  </bookViews>
  <sheets>
    <sheet name="Intro" sheetId="4" r:id="rId1"/>
    <sheet name="1. Identify" sheetId="6" r:id="rId2"/>
    <sheet name="2. Map and Analyse - Internal " sheetId="7" r:id="rId3"/>
    <sheet name="2. Map and Analyse - External" sheetId="11" r:id="rId4"/>
    <sheet name="3. Plan" sheetId="8" r:id="rId5"/>
    <sheet name="4. Engage" sheetId="9" r:id="rId6"/>
    <sheet name="Policy_Strategy Review Template" sheetId="10" r:id="rId7"/>
  </sheets>
  <definedNames>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sharedStrings.xml><?xml version="1.0" encoding="utf-8"?>
<sst xmlns="http://schemas.openxmlformats.org/spreadsheetml/2006/main" count="699" uniqueCount="395">
  <si>
    <t>LHEES Delivery Support</t>
  </si>
  <si>
    <t>Stakeholder Engagement Templates</t>
  </si>
  <si>
    <t xml:space="preserve">These templates are to assist with stakeholder engagement and should be used alongside the Stakeholder Engagement Framework. </t>
  </si>
  <si>
    <t xml:space="preserve">They provide a structured layout to identify, map &amp; analyse, plan and engage with stakeholders as part of the LHEES development. </t>
  </si>
  <si>
    <t>The templates follow the below structure:</t>
  </si>
  <si>
    <t>1. Identify the key stakeholders to engage in the LHEES</t>
  </si>
  <si>
    <t>2. Analyse and Map stakeholders to understand their level of interest and influence in relation to LHEES and prioritise engagement</t>
  </si>
  <si>
    <t>3. Plan key engagement activities across the LHEES process</t>
  </si>
  <si>
    <t>4. Engage stakeholders, continuously monitoring and recording engagement, making updates as new stakeholders are identified</t>
  </si>
  <si>
    <t>A copy of the Policy and Strategy Review Template (stakeholder tab) has also been provided for ease of access.</t>
  </si>
  <si>
    <t>LHEES Guidance (page 21) on Stakeholder Mapping (Stage 1) - Local Heat And Energy Efficiency Strategies And Delivery Plans: Guidance (www.gov.scot) </t>
  </si>
  <si>
    <t>Guidance on Stakeholder Mapping (LHEES)</t>
  </si>
  <si>
    <t>Internal stakeholders that are to be responsible for the development and implementation of the LHEES Strategy and Delivery Plan should be identified to support internal governance and cross council coordination. </t>
  </si>
  <si>
    <t>Internal stakeholders responsible for developing local plans, strategies and policy that relate to LHEES should be identified and mapped, with a view to reflecting these priorities in the framing of LHEES. Likewise, a similar exercise should be undertaken for any relevant external stakeholders. </t>
  </si>
  <si>
    <t>For each LHEES Consideration relevant internal and external stakeholders should be identified and mapped, with a view to engaging and collaborating with them during the preparation and delivery of an LHEES. </t>
  </si>
  <si>
    <t>The mapping exercise should consider: the level of influence and impact that the local authority has on the stakeholder and; the level of influence and impact the stakeholder has on fulfilling the ambitions of LHEES. </t>
  </si>
  <si>
    <t>Key internal stakeholders should include: housing, planning, energy services, economic development, estates and community planning etc, as well as those that may be required to champion specific activity e.g. heat network development. Key external stakeholders should include: DNOs, Gas Distribution Networks (GDNs), NHS, Energy Saving Trust and Home Energy Scotland, registered social landlords, business groups, local communities and local community energy groups, existing heat network providers, producers of waste heat (e.g. industrial or energy production facilities) any delivery partners etc. </t>
  </si>
  <si>
    <t>Stakeholder Identification Template</t>
  </si>
  <si>
    <t xml:space="preserve">Identify stakeholders using the categories and examples in the tables below for guidance. </t>
  </si>
  <si>
    <r>
      <t xml:space="preserve">1.  </t>
    </r>
    <r>
      <rPr>
        <b/>
        <sz val="11"/>
        <color rgb="FF000000"/>
        <rFont val="Calibri"/>
      </rPr>
      <t xml:space="preserve">Internal and External stakeholders. </t>
    </r>
    <r>
      <rPr>
        <sz val="11"/>
        <color rgb="FF000000"/>
        <rFont val="Calibri"/>
      </rPr>
      <t xml:space="preserve">Those internal and external to the local authority. </t>
    </r>
  </si>
  <si>
    <r>
      <t xml:space="preserve">2.  </t>
    </r>
    <r>
      <rPr>
        <b/>
        <sz val="11"/>
        <color rgb="FF000000"/>
        <rFont val="Calibri"/>
      </rPr>
      <t xml:space="preserve">Primary and Secondary stakeholders. </t>
    </r>
    <r>
      <rPr>
        <sz val="11"/>
        <color rgb="FF000000"/>
        <rFont val="Calibri"/>
      </rPr>
      <t xml:space="preserve">Primary – those that may be impacted, positively and negatively by LHEES e.g. communities, local authority employees, managers, delivery partners. Secondary – those that LHEES will not directly affect e.g. Trade bodies, local advocacy groups, internal officers competing for resource. </t>
    </r>
  </si>
  <si>
    <r>
      <t xml:space="preserve">3.  </t>
    </r>
    <r>
      <rPr>
        <b/>
        <sz val="11"/>
        <color rgb="FF000000"/>
        <rFont val="Calibri"/>
      </rPr>
      <t xml:space="preserve">Direct and Indirect stakeholders. </t>
    </r>
    <r>
      <rPr>
        <sz val="11"/>
        <color rgb="FF000000"/>
        <rFont val="Calibri"/>
      </rPr>
      <t>Direct – those that have the power and/or authority to influence and impact the direction of LHEES. Indirect – those that care more about the outcomes of LHEES rather than implementation and content.</t>
    </r>
  </si>
  <si>
    <r>
      <t xml:space="preserve">Some stakeholder groups have already been populated under each category to aid identification - </t>
    </r>
    <r>
      <rPr>
        <b/>
        <sz val="11"/>
        <color theme="1"/>
        <rFont val="Calibri"/>
      </rPr>
      <t>*** these are for example purposes only can be edited/removed as required ***</t>
    </r>
  </si>
  <si>
    <r>
      <t xml:space="preserve">Once completed the stakeholders can be transferred to the </t>
    </r>
    <r>
      <rPr>
        <b/>
        <sz val="11"/>
        <color theme="1"/>
        <rFont val="Calibri"/>
      </rPr>
      <t>Policy and Strategy Review Template</t>
    </r>
    <r>
      <rPr>
        <sz val="11"/>
        <color theme="1"/>
        <rFont val="Calibri"/>
      </rPr>
      <t>, which captures further detail including:</t>
    </r>
  </si>
  <si>
    <t>Team, Service area (if applicable)</t>
  </si>
  <si>
    <t>Named individual</t>
  </si>
  <si>
    <t>Contact</t>
  </si>
  <si>
    <t>LHEES Consideration focus</t>
  </si>
  <si>
    <t>Interest (e.g. methodology, strategy, delivery)</t>
  </si>
  <si>
    <t>Internal Stakeholders</t>
  </si>
  <si>
    <t>External Stakeholders</t>
  </si>
  <si>
    <t>Primary (directly impacted by LHEES)</t>
  </si>
  <si>
    <t>Secondary (indirectly impacted by LHEES)</t>
  </si>
  <si>
    <t>Direct (can influence LHEES Strategy)</t>
  </si>
  <si>
    <t>Indirect (Outcomes focused)</t>
  </si>
  <si>
    <t>Climate &amp; Sustainability Services</t>
  </si>
  <si>
    <t xml:space="preserve">Property </t>
  </si>
  <si>
    <t>Building Standards</t>
  </si>
  <si>
    <t>Economic Development</t>
  </si>
  <si>
    <t>Business Groups</t>
  </si>
  <si>
    <t xml:space="preserve">Interest Groups </t>
  </si>
  <si>
    <t>Utilities</t>
  </si>
  <si>
    <t>Households</t>
  </si>
  <si>
    <t>Energy Services</t>
  </si>
  <si>
    <t>Estates</t>
  </si>
  <si>
    <t>Local Government Officials</t>
  </si>
  <si>
    <t>Legal</t>
  </si>
  <si>
    <t>Heat network providers</t>
  </si>
  <si>
    <t>Registered Social Landlords</t>
  </si>
  <si>
    <t>Land / Environment Agencies</t>
  </si>
  <si>
    <t>Community Planning</t>
  </si>
  <si>
    <t>Environmental Health (e.g. Air Quality)</t>
  </si>
  <si>
    <t>IT Systems</t>
  </si>
  <si>
    <t>Local waste heat producers</t>
  </si>
  <si>
    <t>Health and Social Care Partnership</t>
  </si>
  <si>
    <t xml:space="preserve">Planning &amp; Housing </t>
  </si>
  <si>
    <t>Equalities Support</t>
  </si>
  <si>
    <t>Finance</t>
  </si>
  <si>
    <t>Transport providers</t>
  </si>
  <si>
    <t>Historic Buildings / Heritage Trusts</t>
  </si>
  <si>
    <t>Procurement</t>
  </si>
  <si>
    <t>Cross-boundary Local Authorities</t>
  </si>
  <si>
    <t>Third/Voluntary Sectors</t>
  </si>
  <si>
    <t>Do not remove</t>
  </si>
  <si>
    <t>Quadrants</t>
  </si>
  <si>
    <t xml:space="preserve">Fill out the details for each stakeholder, including relationship contact, relevant LHEES stages and considerations and level of involvement with LHEES.  </t>
  </si>
  <si>
    <t xml:space="preserve">Rank the Level of Interest (column H) and Level of Influence (column J) from 1-10, with 10 being the highest and 1 being the lowest.  It is important that only the numerical score is input into these columns.  </t>
  </si>
  <si>
    <r>
      <rPr>
        <sz val="11"/>
        <color rgb="FF000000"/>
        <rFont val="Calibri"/>
      </rPr>
      <t xml:space="preserve">The </t>
    </r>
    <r>
      <rPr>
        <b/>
        <sz val="11"/>
        <color rgb="FF000000"/>
        <rFont val="Calibri"/>
      </rPr>
      <t>Influence/Interest Matrix</t>
    </r>
    <r>
      <rPr>
        <sz val="11"/>
        <color rgb="FF000000"/>
        <rFont val="Calibri"/>
      </rPr>
      <t xml:space="preserve"> on the right hand side will automatically map the stakeholder based on the scoring. </t>
    </r>
  </si>
  <si>
    <t>Category</t>
  </si>
  <si>
    <t>Organisation</t>
  </si>
  <si>
    <t>Internal Relationship Holder</t>
  </si>
  <si>
    <r>
      <rPr>
        <b/>
        <sz val="11"/>
        <color theme="1"/>
        <rFont val="Calibri"/>
      </rPr>
      <t>LHEES Stages</t>
    </r>
    <r>
      <rPr>
        <sz val="11"/>
        <color theme="1"/>
        <rFont val="Calibri"/>
      </rPr>
      <t xml:space="preserve">
1 - Policy and Strategy Review
2 - Data and Tools Library
3 - Strategic Zoning and Pathways
4 - Generation of Initial Delivery Areas
5 - Building-level Pathway Assessment
6 - Finalisation of Delivery Areas
7 - LHEES Strategy
8 - LHEES Delivery Plan</t>
    </r>
  </si>
  <si>
    <r>
      <rPr>
        <b/>
        <sz val="11"/>
        <color theme="1"/>
        <rFont val="Calibri"/>
      </rPr>
      <t>LHEES Considerations</t>
    </r>
    <r>
      <rPr>
        <sz val="11"/>
        <color theme="1"/>
        <rFont val="Calibri"/>
      </rPr>
      <t xml:space="preserve">
1 - Off Gas Buildings
2 - On Gas Buildings
3 - Heat Networks
4 - Poor Building Energy Efficiency
5 - Poor Building Energy Efficiency as driver of Fuel Poverty
6 - Mixed Use, Mixed Tenure and Historic Buildings</t>
    </r>
  </si>
  <si>
    <r>
      <rPr>
        <b/>
        <sz val="11"/>
        <color theme="1"/>
        <rFont val="Calibri"/>
      </rPr>
      <t>Detail on involvement with LHEES</t>
    </r>
    <r>
      <rPr>
        <sz val="11"/>
        <color theme="1"/>
        <rFont val="Calibri"/>
      </rPr>
      <t xml:space="preserve"> 
(to support stakeholder engagement planning) (e.g. methods+data, strategy, delivery, specific geographical areas or projects etc)</t>
    </r>
  </si>
  <si>
    <r>
      <rPr>
        <b/>
        <sz val="11"/>
        <color theme="1"/>
        <rFont val="Calibri"/>
      </rPr>
      <t xml:space="preserve">Level of interest the stakeholder has on fulfilling the ambitions of LHEES </t>
    </r>
    <r>
      <rPr>
        <sz val="11"/>
        <color theme="1"/>
        <rFont val="Calibri"/>
      </rPr>
      <t xml:space="preserve">
Score: (1-10)</t>
    </r>
  </si>
  <si>
    <r>
      <rPr>
        <b/>
        <sz val="11"/>
        <color theme="1"/>
        <rFont val="Calibri"/>
      </rPr>
      <t xml:space="preserve">Level of influence the stakeholder has on fulfilling the ambitions of LHEES </t>
    </r>
    <r>
      <rPr>
        <sz val="11"/>
        <color theme="1"/>
        <rFont val="Calibri"/>
      </rPr>
      <t xml:space="preserve">
Score: (1-10)</t>
    </r>
  </si>
  <si>
    <t>Additional notes/comments</t>
  </si>
  <si>
    <t>Delivery Partners</t>
  </si>
  <si>
    <t>Community Groups</t>
  </si>
  <si>
    <t>Third / Voluntary Sectors</t>
  </si>
  <si>
    <t>Interest Groups</t>
  </si>
  <si>
    <t>Cross-boundary LAs</t>
  </si>
  <si>
    <t>Stakeholder Engagement and Management Plan Template</t>
  </si>
  <si>
    <t xml:space="preserve">The first template can be used to plan the key engagement activities for each LHEES Stage, and should be used for the overarching engagement plan.  This has been pre-populated with some suggestions for each LHEES Stage, however these can be edited/updated as required. </t>
  </si>
  <si>
    <t xml:space="preserve">The second template is provided to plan out specific engagement activities for a paticular stakeholder.  This should be used for key (tier 1) stakeholders where engagement needs to be more closely monitored and outputs logged. </t>
  </si>
  <si>
    <t>Engagement Plan by LHEES Stage: For main engagement activities at each LHEES Stage</t>
  </si>
  <si>
    <t xml:space="preserve">LHEES stage </t>
  </si>
  <si>
    <t>Stage 1</t>
  </si>
  <si>
    <t>Stage 2</t>
  </si>
  <si>
    <t>Stage 3</t>
  </si>
  <si>
    <t>Stage 4</t>
  </si>
  <si>
    <t>Stage 6</t>
  </si>
  <si>
    <t>Stage 7 &amp; 8</t>
  </si>
  <si>
    <t>Activity date</t>
  </si>
  <si>
    <t>Ongoing - March</t>
  </si>
  <si>
    <t>Activity title</t>
  </si>
  <si>
    <t>Stakeholder Mapping and Engagement Planning</t>
  </si>
  <si>
    <t>Objective Setting</t>
  </si>
  <si>
    <t>Data Collection</t>
  </si>
  <si>
    <t xml:space="preserve">Baseline Feedback </t>
  </si>
  <si>
    <t>Delivery Area Generation</t>
  </si>
  <si>
    <t>Finalisation of Delivery Areas / Delivery actions</t>
  </si>
  <si>
    <t>Consultation Strategy</t>
  </si>
  <si>
    <t>Consultation Workshop</t>
  </si>
  <si>
    <t>Consultation Period</t>
  </si>
  <si>
    <t>Stakeholders involved</t>
  </si>
  <si>
    <t>Internal council stakeholders</t>
  </si>
  <si>
    <t>Internal council and Tier 1 stakeholders</t>
  </si>
  <si>
    <t>Council, RSL, DNO, EST, SGN etc</t>
  </si>
  <si>
    <t>Council + identified stakeholders</t>
  </si>
  <si>
    <t>Internal council</t>
  </si>
  <si>
    <t>Council + identified stakeholders + wider public</t>
  </si>
  <si>
    <t>Engagement lead</t>
  </si>
  <si>
    <t>Type of engagement (e.g. meeting, workshop, one-to-one)</t>
  </si>
  <si>
    <t>Workshop and meetings</t>
  </si>
  <si>
    <t>Workshop</t>
  </si>
  <si>
    <t>Meetings and Comms (via email)</t>
  </si>
  <si>
    <t>Meetings</t>
  </si>
  <si>
    <t>Online Awareness Session</t>
  </si>
  <si>
    <t>Purpose of engagement</t>
  </si>
  <si>
    <t>Engage with the Council to identify, map and prioritise key stakeholders. </t>
  </si>
  <si>
    <t>Knowledge building and awareness raising for key stakeholders; establishment of ongoing engagement opportunities and activities to support LHEES.</t>
  </si>
  <si>
    <t>Collect and assemble key datasets required for  the LHEES analysis.</t>
  </si>
  <si>
    <t>Work closely with the Council to visualise baseline information. The output report should be engaging and compatible with the Councils IT system. 
Engage specifically on HN zoning, as per LHEES Guidance/Methodology.</t>
  </si>
  <si>
    <t>Interactive workshop to explore and discuss initial Delivery Areas and recommendations alongside the wider policy, strategy and delivery environment.</t>
  </si>
  <si>
    <t>Set out and ask for feedback on the finalised Delivery Areas (incorporating analysis to date). Explore key actions, enablers and challenges to support content for LHEES Strategy and Delivery Plan.</t>
  </si>
  <si>
    <t>Develop communication strategy for the consultation process</t>
  </si>
  <si>
    <t>Present the draft LHEES Strategy and Delivery Plan for discussion and feedback.​</t>
  </si>
  <si>
    <t>Awareness-raising and a Q&amp;A session to support public consultation.</t>
  </si>
  <si>
    <t>Type of information required</t>
  </si>
  <si>
    <t>List of  stakeholders mapped to level of interest/influence</t>
  </si>
  <si>
    <t>Policy and Strategy Review, LHEES considerations etc</t>
  </si>
  <si>
    <t>HES data, local heat sources, building data etc</t>
  </si>
  <si>
    <t>LHEES baselining tool and data</t>
  </si>
  <si>
    <t>LHEES modelling outputs + scenarios</t>
  </si>
  <si>
    <t>Delivery pathways from the optimisation modelling.</t>
  </si>
  <si>
    <t>Draft LHEES Strategy and Delivery Plan
Comms strategy</t>
  </si>
  <si>
    <t>Draft LHEES Strategy and Delivery Plan</t>
  </si>
  <si>
    <t>Draft LHEES Strategy and Delivery Plan - key consultation issues</t>
  </si>
  <si>
    <t>Output(s)</t>
  </si>
  <si>
    <t>Mapping and categorisation of tiers of stakeholders that can be updated and referred to throughout the project – defining how these stakeholders will contribute to the development of LAEP and LHEES and what their interests are.​
Establishment of a project steering group.​
An engagement plan for key stakeholders, with stakeholder attendance mapped against defined activity.​
Specific focus groups e.g. RSLs / social housing and heat network development.   ​</t>
  </si>
  <si>
    <t>Introduce LHEES (purpose, priorities, Considerations, delivery). ​
Drive further engagement and awareness for the stakeholders, framing this around key questions and knowledge requirements that each of them has. ​
Set out LHEES linkages to local policy and strategy ambitions​
Discuss and agree wider Priorities for LHEES (in addition to national ones).​
Ensure stakeholders understand the role they will play in the LHEES.​
Ongoing engagement plans, requests for data, delivery support etc.</t>
  </si>
  <si>
    <t>Data uploaded (where possible) in accordance with the RFI and data handling lead.​</t>
  </si>
  <si>
    <t>A baseline report that has been reviewed by the Council and key stakeholders.</t>
  </si>
  <si>
    <t>Delivery Areas to be taken forward for the purpose of more thorough building-level analysis (Stage 5) and delivery planning (Stages 6 and 8)</t>
  </si>
  <si>
    <t>Finalisation of Delivery Areas, and within these, identifying potential projects and delivery activity.</t>
  </si>
  <si>
    <t>A communication strategy that finalises who the Council will engage with, specifying the type and format of engagement. Provision of public consultation documents.</t>
  </si>
  <si>
    <t>An updated draft LHEES Strategy and Delivery Plan (if required).</t>
  </si>
  <si>
    <t>Recorded session for further use by the Council, if required.</t>
  </si>
  <si>
    <t xml:space="preserve">Engagement Plan by Stakeholder: For key stakeholders where engagement needs to be planned more closely </t>
  </si>
  <si>
    <t>Stakeholder Details</t>
  </si>
  <si>
    <t xml:space="preserve">Stakeholder </t>
  </si>
  <si>
    <t>Assigned LA officer</t>
  </si>
  <si>
    <t>Engagement tier (1/2/3/4)</t>
  </si>
  <si>
    <t>Summary of stakeholder’s priorities, interest and expectations for LHEES</t>
  </si>
  <si>
    <t>Frequency of engagement</t>
  </si>
  <si>
    <t>Monthly</t>
  </si>
  <si>
    <t>Engagement Plan</t>
  </si>
  <si>
    <t>Meeting date</t>
  </si>
  <si>
    <t>10th March</t>
  </si>
  <si>
    <t>LHEES stage (1-8)</t>
  </si>
  <si>
    <t>Initial engagement workshop</t>
  </si>
  <si>
    <t>Outcomes</t>
  </si>
  <si>
    <t>Actions</t>
  </si>
  <si>
    <t>Engagement Checklist</t>
  </si>
  <si>
    <t xml:space="preserve">This checklist is from the LHEES methodology and can be used as a starting point to guide intial engagement sessions.  This list be reviewed and updated with additional questions that are relevant/useful as stakeholder engagement is ongoing.  </t>
  </si>
  <si>
    <r>
      <rPr>
        <sz val="11"/>
        <color rgb="FF000000"/>
        <rFont val="Calibri"/>
      </rPr>
      <t xml:space="preserve">Seperate </t>
    </r>
    <r>
      <rPr>
        <b/>
        <sz val="11"/>
        <color rgb="FF000000"/>
        <rFont val="Calibri"/>
      </rPr>
      <t>Workshop Facilitation Guidance</t>
    </r>
    <r>
      <rPr>
        <sz val="11"/>
        <color rgb="FF000000"/>
        <rFont val="Calibri"/>
      </rPr>
      <t xml:space="preserve"> has also been produced which provides a more detailed guide on how to plan and carry out initial engagement sessions with Tier 1/Tier 2 stakeholders. </t>
    </r>
  </si>
  <si>
    <t>Stakeholder Group</t>
  </si>
  <si>
    <t>Discussion Points</t>
  </si>
  <si>
    <t>Stakeholder 3 - Notes</t>
  </si>
  <si>
    <t>Stakeholder 4 - Notes</t>
  </si>
  <si>
    <t>Public Sector Estates</t>
  </si>
  <si>
    <t>Key priorities, strategies and targets for the organisation</t>
  </si>
  <si>
    <t>Existing and planned programmes of work</t>
  </si>
  <si>
    <t>Opportunities for heat networks, including discussion of Potential Zones identified by the LHEES process and any interaction with existing networks</t>
  </si>
  <si>
    <t>Key reports / documents / data (in relation to the above e.g. to understand the extent of existing heat networks, including which buildings are connected)</t>
  </si>
  <si>
    <t>Electricity</t>
  </si>
  <si>
    <t>Known areas of potential constraints and/or capacity (to support LHEES demand led approach)</t>
  </si>
  <si>
    <t>Planned electricity network upgrades</t>
  </si>
  <si>
    <t>Information sharing to feed LA plans into network investment plans</t>
  </si>
  <si>
    <t>Indication of network upgrade requirements, depending on plans</t>
  </si>
  <si>
    <t>Location of primary sub-stations (e.g. for waste heat sources)</t>
  </si>
  <si>
    <t>Any DNO (SPEN or SSE) low carbon energy projects, pilots or feasibility studies?</t>
  </si>
  <si>
    <t>DNOs strategic priority areas / focus in the short-, medium- and long-term – e.g. from RIIO-ED2</t>
  </si>
  <si>
    <t>Key reports / documents / data (in relation to the above) from DNOs/LAs</t>
  </si>
  <si>
    <t>LA to share plans of any new large scale deployment of low carbon technologies that will be connected to the electricity network</t>
  </si>
  <si>
    <t>Gas</t>
  </si>
  <si>
    <t>What areas of the local authority area are served and not served by the gas network? Properties on/off gas?</t>
  </si>
  <si>
    <t>Are any parts of the network part of an independent network?</t>
  </si>
  <si>
    <t>Understanding of the main gas consumers within the local authorities footprint – domestic/non-domestic/large or major gas consumers</t>
  </si>
  <si>
    <t>Location of hydrogen pilots or feasibility studies</t>
  </si>
  <si>
    <t>SGN’s strategic priority areas / focus in the short-, medium- and long-term, as well as the potential pathways for hydrogen</t>
  </si>
  <si>
    <t>Hydrogen production – are you aware of any developments in the local authorities area?</t>
  </si>
  <si>
    <t>Hydrogen storage - are you aware of any developments in the local authorities area?</t>
  </si>
  <si>
    <t>If the local authority is considering the development of a hydrogen strategy for their region, how can the distribution of hydrogen through the gas network align with this?</t>
  </si>
  <si>
    <t>Key reports / documents / data (in relation to the above)</t>
  </si>
  <si>
    <t>Water and sewerage</t>
  </si>
  <si>
    <t>Location of sewerage networks, and waste heat potential?</t>
  </si>
  <si>
    <t>Possible to differentiate foul/stormwater/combined sewers in GIS?</t>
  </si>
  <si>
    <t>Able to identify location of combined sewers greater than 300mm diameter?</t>
  </si>
  <si>
    <t>Location of wastewater treatment plants, and waste heat potential?</t>
  </si>
  <si>
    <t>Any Scottish Water low carbon energy projects, pilots or feasibility studies? E.g. use of water source heat pumps.</t>
  </si>
  <si>
    <t>Community groups</t>
  </si>
  <si>
    <t>Key community priorities and plans</t>
  </si>
  <si>
    <t>Existing community led programmes of work</t>
  </si>
  <si>
    <t>Heat network development</t>
  </si>
  <si>
    <t>Key heat demands</t>
  </si>
  <si>
    <t>(in relation to Potential Zones)</t>
  </si>
  <si>
    <t>Existing heat networks - ownership and operation, connected buildings,
current heat supply, decarbonisation targets and plans, appetite
for expansion or proposed zone boundaries</t>
  </si>
  <si>
    <t>Local Development Plan sites</t>
  </si>
  <si>
    <t>Significant waste heat sources</t>
  </si>
  <si>
    <r>
      <t>Note:</t>
    </r>
    <r>
      <rPr>
        <sz val="11"/>
        <color rgb="FF000000"/>
        <rFont val="Calibri"/>
        <family val="2"/>
      </rPr>
      <t xml:space="preserve"> The following are example internal and external stakeholders that could be involved with a local authority's LHEES. The purpose of developing a list here is to allow the local authority to consider potential stakeholders involved with the Considerations and any local priorities outlined as part of the LHEES Strategy in a proactive manner to then build more detailed stakeholder maps for each LHEES Consideration. The below template also enables data holders to be identified and this information should support completion of the Data and Tools library in Stage 2. When the Delivery Plan is being developed for the LHEES, this stakeholder maps may be useful to cross-reference to frame actions around, updating as required. </t>
    </r>
  </si>
  <si>
    <t>Team</t>
  </si>
  <si>
    <t>Service area (if applicable)</t>
  </si>
  <si>
    <t>Interest e.g. Methodology, Strategy, Delivery</t>
  </si>
  <si>
    <t>Housing (private)</t>
  </si>
  <si>
    <t>Housing (Council)</t>
  </si>
  <si>
    <t>Finance and Procurement</t>
  </si>
  <si>
    <t>Planning</t>
  </si>
  <si>
    <t>Social Care</t>
  </si>
  <si>
    <t>Climate Change / Sustainability</t>
  </si>
  <si>
    <t>Low Carbon Working Group</t>
  </si>
  <si>
    <t>Climate Change Project Board</t>
  </si>
  <si>
    <t>Member / Officer Working Group (tbc)</t>
  </si>
  <si>
    <t>ICT</t>
  </si>
  <si>
    <t>Add others here…</t>
  </si>
  <si>
    <t>Team area</t>
  </si>
  <si>
    <t>Scottish Government</t>
  </si>
  <si>
    <t>LHEES - Senior Policy Officer</t>
  </si>
  <si>
    <t>Jamie Gregory</t>
  </si>
  <si>
    <t>Jamie.Gregory@gov.scot</t>
  </si>
  <si>
    <t>RSL</t>
  </si>
  <si>
    <t>NHS</t>
  </si>
  <si>
    <t>EST</t>
  </si>
  <si>
    <t>HA &amp; PEAT Data Manager</t>
  </si>
  <si>
    <t>Delivery partner (e.g. SCARF)</t>
  </si>
  <si>
    <t>HES</t>
  </si>
  <si>
    <t>Utility network operators</t>
  </si>
  <si>
    <t>Business groups</t>
  </si>
  <si>
    <t>Third sector and voluntary sector</t>
  </si>
  <si>
    <t>Scottish Historic Buildings Trust</t>
  </si>
  <si>
    <t>https://www.shbt.org.uk/</t>
  </si>
  <si>
    <t>Society for Protection of Ancient Buildings Scotland</t>
  </si>
  <si>
    <t>https://www.spab.org.uk/</t>
  </si>
  <si>
    <t>The Architectural Heritage Society of Scotland</t>
  </si>
  <si>
    <t>https://www.ahss.org.uk</t>
  </si>
  <si>
    <t xml:space="preserve"> </t>
  </si>
  <si>
    <t>Community Hubs, Welfare &amp; Business Dev</t>
  </si>
  <si>
    <t>Safer Stronger Communities</t>
  </si>
  <si>
    <t xml:space="preserve">Civic Enterprise </t>
  </si>
  <si>
    <t>Asset Management &amp; Regeneration Team</t>
  </si>
  <si>
    <t>Local councillor</t>
  </si>
  <si>
    <t>MSP</t>
  </si>
  <si>
    <t>Parks &amp; Countryside Sevices</t>
  </si>
  <si>
    <t>Digital &amp; Information Service</t>
  </si>
  <si>
    <t>Financial Services</t>
  </si>
  <si>
    <t>Procurement Services</t>
  </si>
  <si>
    <t>Human Resources</t>
  </si>
  <si>
    <t>EDI Committee</t>
  </si>
  <si>
    <t>HM Prison Service</t>
  </si>
  <si>
    <t>Heat Networks/ Low Carbon Heat Lead</t>
  </si>
  <si>
    <t xml:space="preserve">Add stakeholders to the 'Organisation' column under the relevant category.  The 'Categories' can be added or edited as required. If more/less stakeholders are required than the slots available, insert/delete a new row within the table. </t>
  </si>
  <si>
    <t>Property &amp; Estates</t>
  </si>
  <si>
    <t>Economic/Business Development</t>
  </si>
  <si>
    <t>Stakeholder Mapping Template - Internal</t>
  </si>
  <si>
    <t>Stakeholder Mapping Template - External</t>
  </si>
  <si>
    <t>Internal Contact</t>
  </si>
  <si>
    <t>Economic / Business Development</t>
  </si>
  <si>
    <t xml:space="preserve">Delivery Partners </t>
  </si>
  <si>
    <t>Public sector estates</t>
  </si>
  <si>
    <t>Local schools/colleges</t>
  </si>
  <si>
    <t xml:space="preserve">Community Groups </t>
  </si>
  <si>
    <t>Community Development Trust</t>
  </si>
  <si>
    <r>
      <t xml:space="preserve">The </t>
    </r>
    <r>
      <rPr>
        <b/>
        <sz val="11"/>
        <color rgb="FF000000"/>
        <rFont val="Calibri"/>
      </rPr>
      <t>Influence/Interest Matrix</t>
    </r>
    <r>
      <rPr>
        <sz val="11"/>
        <color rgb="FF000000"/>
        <rFont val="Calibri"/>
      </rPr>
      <t xml:space="preserve"> on the right hand side will automatically map the stakeholder based on the scoring. </t>
    </r>
  </si>
  <si>
    <t>Scottish Gas Networks</t>
  </si>
  <si>
    <t>Scottish Water</t>
  </si>
  <si>
    <t>Scottish &amp; Southern Electricity Networks</t>
  </si>
  <si>
    <t>Scottish Power Energy Networks</t>
  </si>
  <si>
    <t>Energy Saving Trust</t>
  </si>
  <si>
    <t>Housing Developers</t>
  </si>
  <si>
    <t>Local data centre</t>
  </si>
  <si>
    <t>Royal Infirmary</t>
  </si>
  <si>
    <t>Ice rink/leisure centre</t>
  </si>
  <si>
    <t>Bus operators</t>
  </si>
  <si>
    <t>ScotRail</t>
  </si>
  <si>
    <t>Housing Association</t>
  </si>
  <si>
    <t>Housing Development Investment Trust</t>
  </si>
  <si>
    <t>Housing Development Ltd</t>
  </si>
  <si>
    <t>Local Energy from Waste Plant (SSE)</t>
  </si>
  <si>
    <t>Anchor Loads</t>
  </si>
  <si>
    <t>Anchor loads</t>
  </si>
  <si>
    <t>Supermarket</t>
  </si>
  <si>
    <t>University</t>
  </si>
  <si>
    <t>Chemical plant</t>
  </si>
  <si>
    <t>Shopping centre</t>
  </si>
  <si>
    <t>Energy and Climate Change Team</t>
  </si>
  <si>
    <t>Private landlords</t>
  </si>
  <si>
    <t>IT Support</t>
  </si>
  <si>
    <t>Business &amp; Place Team</t>
  </si>
  <si>
    <t>Partnerships &amp; Funding Team</t>
  </si>
  <si>
    <t>Highways &amp; Transportation Team</t>
  </si>
  <si>
    <t>Council Assets - property</t>
  </si>
  <si>
    <t>Council Assets - estates</t>
  </si>
  <si>
    <t>National Park Authority</t>
  </si>
  <si>
    <t>SEPA</t>
  </si>
  <si>
    <t>Chamber of Commerce</t>
  </si>
  <si>
    <t>National Farmers Union</t>
  </si>
  <si>
    <t>Local Estate/Landowner</t>
  </si>
  <si>
    <t>Scottish Renewables</t>
  </si>
  <si>
    <t>Local housing charity</t>
  </si>
  <si>
    <t>Zero Waste Scotland</t>
  </si>
  <si>
    <t>Home Energy Scotland</t>
  </si>
  <si>
    <t>Local low carbon heating charity</t>
  </si>
  <si>
    <t>Scottish Futures Trust</t>
  </si>
  <si>
    <t>National Grid</t>
  </si>
  <si>
    <t>Scottish Association of Landlords</t>
  </si>
  <si>
    <t>Leisure centres</t>
  </si>
  <si>
    <t>NatureScot</t>
  </si>
  <si>
    <t>Historic Environment Scotland </t>
  </si>
  <si>
    <t>Crown Estate Scotland</t>
  </si>
  <si>
    <t>Forestry &amp; Land Scotland</t>
  </si>
  <si>
    <t>Scottish Enterprise</t>
  </si>
  <si>
    <t>Community climate/energy groups</t>
  </si>
  <si>
    <t>Citizens Advice</t>
  </si>
  <si>
    <t>Aberdeenshire Council</t>
  </si>
  <si>
    <t>Legal Services</t>
  </si>
  <si>
    <t>abcd@council.gov.uk</t>
  </si>
  <si>
    <t>1, 2</t>
  </si>
  <si>
    <t>HSE Team</t>
  </si>
  <si>
    <t>Sustainability and Environment Team</t>
  </si>
  <si>
    <t>Tenants &amp; owner occupiers</t>
  </si>
  <si>
    <t>Land/Environment Agencies</t>
  </si>
  <si>
    <t>National Trust</t>
  </si>
  <si>
    <t xml:space="preserve"> Waste heat providers</t>
  </si>
  <si>
    <t xml:space="preserve">Support of strategy and delivery </t>
  </si>
  <si>
    <t>XYZ - LHEES Stakeholder Coordinator</t>
  </si>
  <si>
    <t>Establishing support for the LHEES delivery</t>
  </si>
  <si>
    <t>Provision of Stakeholder Engagement Toolkit
Provision of additional guidance</t>
  </si>
  <si>
    <t>Engage with ZWS to receive LHEES guidance</t>
  </si>
  <si>
    <t>N/A</t>
  </si>
  <si>
    <t>SPEN - Notes</t>
  </si>
  <si>
    <t xml:space="preserve">Planned upgrade next June </t>
  </si>
  <si>
    <t xml:space="preserve">Mid-April </t>
  </si>
  <si>
    <t xml:space="preserve">Late-April </t>
  </si>
  <si>
    <t>Late-June</t>
  </si>
  <si>
    <t xml:space="preserve">Late-June to Early July </t>
  </si>
  <si>
    <t xml:space="preserve">July </t>
  </si>
  <si>
    <t>July</t>
  </si>
  <si>
    <t>Mid-April</t>
  </si>
  <si>
    <t>Ongoing - March/April</t>
  </si>
  <si>
    <t xml:space="preserve">XYZ Street </t>
  </si>
  <si>
    <t>Focus on rural area upgrade</t>
  </si>
  <si>
    <t>Onshore wind feasibility study to be shared - follow up</t>
  </si>
  <si>
    <t>Onshore wind farm</t>
  </si>
  <si>
    <t>XYZ will share documents on Net Zero Plans - follow up</t>
  </si>
  <si>
    <t>XYZ will share documents on investment plans - follow up</t>
  </si>
  <si>
    <t>Grid capacity available</t>
  </si>
  <si>
    <t>Community Climate Action  - Notes</t>
  </si>
  <si>
    <t>Energy efficiency awareness scheme - door to door.  Can share outputs - follow up</t>
  </si>
  <si>
    <t xml:space="preserve">Net zero by 2030, just energy transition reducing fuel proverty  </t>
  </si>
  <si>
    <t>Planning &amp; Development Team</t>
  </si>
  <si>
    <t>Strategy support - early, near-term action and collaborative thinking</t>
  </si>
  <si>
    <t>Delivery - energy efficiency, fuel poverty, mixed use and mixed occupancy</t>
  </si>
  <si>
    <t>1, 4, 6, 8</t>
  </si>
  <si>
    <t>1, 2, 3, 4, 6</t>
  </si>
  <si>
    <t>Methods + data, delivery - strategic analysis, and project identification</t>
  </si>
  <si>
    <t>1, 2, 3, 4, 5, 6, 7, 8</t>
  </si>
  <si>
    <t>Methods + data - data provision, strategic analysis</t>
  </si>
  <si>
    <t>1, 2, 3, 4, 5, 6</t>
  </si>
  <si>
    <t>abcd@org.com</t>
  </si>
  <si>
    <t>1, 2, 7, 8</t>
  </si>
  <si>
    <t>Housing Team</t>
  </si>
  <si>
    <t>Planning &amp; Housing</t>
  </si>
  <si>
    <t>1, 4, 8</t>
  </si>
  <si>
    <t>1, 2, 3</t>
  </si>
  <si>
    <t>1, 7, 8</t>
  </si>
  <si>
    <t>1, 8</t>
  </si>
  <si>
    <t>1, 3, 4, 6, 7, 8</t>
  </si>
  <si>
    <t>7, 8</t>
  </si>
  <si>
    <t>2, 3, 4</t>
  </si>
  <si>
    <t>1, 2, 4, 6</t>
  </si>
  <si>
    <t>4, 5</t>
  </si>
  <si>
    <t>Strategy support - early, near-term action and collaborative thinking, delivery</t>
  </si>
  <si>
    <t>Strategy review, delivery planning</t>
  </si>
  <si>
    <t>Greenspaces &amp; low carbon resource</t>
  </si>
  <si>
    <t>Engagement on Strategy and delivery planning</t>
  </si>
  <si>
    <t>Delivery planning</t>
  </si>
  <si>
    <t>Visualisation of analysis</t>
  </si>
  <si>
    <t>Data management</t>
  </si>
  <si>
    <t>Engagement on geographical areas/projects</t>
  </si>
  <si>
    <t xml:space="preserve">Project identification </t>
  </si>
  <si>
    <t xml:space="preserve">1,2 </t>
  </si>
  <si>
    <t>3, 6</t>
  </si>
  <si>
    <t>1, 2, 3, 4, 5</t>
  </si>
  <si>
    <t>Developed by Arup for Zero Waste Scotland</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24" x14ac:knownFonts="1">
    <font>
      <sz val="11"/>
      <color theme="1"/>
      <name val="Arial"/>
      <family val="2"/>
    </font>
    <font>
      <sz val="11"/>
      <name val="Calibri"/>
      <family val="1"/>
      <scheme val="minor"/>
    </font>
    <font>
      <sz val="10"/>
      <name val="Arial"/>
      <family val="2"/>
    </font>
    <font>
      <sz val="11"/>
      <color rgb="FF000000"/>
      <name val="Calibri"/>
      <family val="2"/>
    </font>
    <font>
      <b/>
      <sz val="11"/>
      <color rgb="FF000000"/>
      <name val="Calibri"/>
      <family val="2"/>
    </font>
    <font>
      <sz val="11"/>
      <color rgb="FFFF0000"/>
      <name val="Calibri"/>
      <family val="2"/>
    </font>
    <font>
      <u/>
      <sz val="11"/>
      <color rgb="FF0563C1"/>
      <name val="Calibri"/>
      <family val="2"/>
    </font>
    <font>
      <u/>
      <sz val="11"/>
      <color theme="10"/>
      <name val="Arial"/>
      <family val="2"/>
    </font>
    <font>
      <sz val="11"/>
      <color rgb="FF000000"/>
      <name val="Calibri"/>
      <family val="2"/>
      <scheme val="minor"/>
    </font>
    <font>
      <sz val="11"/>
      <name val="Calibri"/>
      <family val="2"/>
    </font>
    <font>
      <sz val="11"/>
      <color theme="1"/>
      <name val="Calibri"/>
    </font>
    <font>
      <sz val="20"/>
      <color theme="1"/>
      <name val="Calibri"/>
    </font>
    <font>
      <sz val="14"/>
      <color theme="1"/>
      <name val="Calibri"/>
    </font>
    <font>
      <b/>
      <sz val="18"/>
      <color theme="1"/>
      <name val="Calibri"/>
    </font>
    <font>
      <b/>
      <sz val="11"/>
      <color rgb="FF000000"/>
      <name val="Calibri"/>
    </font>
    <font>
      <sz val="11"/>
      <color rgb="FF000000"/>
      <name val="Calibri"/>
    </font>
    <font>
      <b/>
      <sz val="11"/>
      <color theme="1"/>
      <name val="Calibri"/>
    </font>
    <font>
      <sz val="16"/>
      <color theme="1"/>
      <name val="Calibri"/>
    </font>
    <font>
      <b/>
      <sz val="11"/>
      <name val="Calibri"/>
    </font>
    <font>
      <b/>
      <sz val="14"/>
      <color theme="1"/>
      <name val="Calibri"/>
    </font>
    <font>
      <sz val="11"/>
      <color theme="1"/>
      <name val="Calibri"/>
      <family val="2"/>
    </font>
    <font>
      <b/>
      <sz val="11"/>
      <color theme="1"/>
      <name val="Calibri"/>
      <family val="2"/>
    </font>
    <font>
      <b/>
      <sz val="18"/>
      <color theme="1"/>
      <name val="Calibri"/>
      <family val="2"/>
    </font>
    <font>
      <sz val="10"/>
      <color theme="1"/>
      <name val="Arial"/>
      <family val="2"/>
    </font>
  </fonts>
  <fills count="12">
    <fill>
      <patternFill patternType="none"/>
    </fill>
    <fill>
      <patternFill patternType="gray125"/>
    </fill>
    <fill>
      <patternFill patternType="solid">
        <fgColor theme="0" tint="-0.14999847407452621"/>
        <bgColor indexed="64"/>
      </patternFill>
    </fill>
    <fill>
      <patternFill patternType="solid">
        <fgColor theme="3" tint="0.79998168889431442"/>
        <bgColor indexed="64"/>
      </patternFill>
    </fill>
    <fill>
      <patternFill patternType="solid">
        <fgColor theme="0" tint="-4.9989318521683403E-2"/>
        <bgColor indexed="64"/>
      </patternFill>
    </fill>
    <fill>
      <patternFill patternType="solid">
        <fgColor theme="2" tint="-0.14999847407452621"/>
        <bgColor indexed="64"/>
      </patternFill>
    </fill>
    <fill>
      <patternFill patternType="solid">
        <fgColor rgb="FFE2EFDA"/>
        <bgColor rgb="FF000000"/>
      </patternFill>
    </fill>
    <fill>
      <patternFill patternType="solid">
        <fgColor rgb="FFC9C9C9"/>
        <bgColor rgb="FF000000"/>
      </patternFill>
    </fill>
    <fill>
      <patternFill patternType="solid">
        <fgColor rgb="FFB4C6E7"/>
        <bgColor rgb="FF000000"/>
      </patternFill>
    </fill>
    <fill>
      <patternFill patternType="solid">
        <fgColor rgb="FFB4C6E7"/>
        <bgColor indexed="64"/>
      </patternFill>
    </fill>
    <fill>
      <patternFill patternType="solid">
        <fgColor rgb="FFC9C9C9"/>
        <bgColor indexed="64"/>
      </patternFill>
    </fill>
    <fill>
      <patternFill patternType="solid">
        <fgColor theme="0" tint="-0.249977111117893"/>
        <bgColor indexed="64"/>
      </patternFill>
    </fill>
  </fills>
  <borders count="71">
    <border>
      <left/>
      <right/>
      <top/>
      <bottom/>
      <diagonal/>
    </border>
    <border>
      <left style="thin">
        <color indexed="64"/>
      </left>
      <right style="thin">
        <color indexed="64"/>
      </right>
      <top style="thin">
        <color indexed="64"/>
      </top>
      <bottom style="thin">
        <color indexed="64"/>
      </bottom>
      <diagonal/>
    </border>
    <border>
      <left style="thin">
        <color indexed="64"/>
      </left>
      <right/>
      <top/>
      <bottom/>
      <diagonal/>
    </border>
    <border>
      <left style="thin">
        <color indexed="64"/>
      </left>
      <right style="thin">
        <color indexed="64"/>
      </right>
      <top/>
      <bottom/>
      <diagonal/>
    </border>
    <border>
      <left style="thin">
        <color indexed="64"/>
      </left>
      <right style="thin">
        <color indexed="64"/>
      </right>
      <top/>
      <bottom style="thin">
        <color indexed="64"/>
      </bottom>
      <diagonal/>
    </border>
    <border>
      <left style="thin">
        <color indexed="64"/>
      </left>
      <right style="thin">
        <color indexed="64"/>
      </right>
      <top style="thin">
        <color indexed="64"/>
      </top>
      <bottom style="medium">
        <color indexed="64"/>
      </bottom>
      <diagonal/>
    </border>
    <border>
      <left style="thin">
        <color indexed="64"/>
      </left>
      <right style="thin">
        <color indexed="64"/>
      </right>
      <top style="medium">
        <color indexed="64"/>
      </top>
      <bottom/>
      <diagonal/>
    </border>
    <border>
      <left style="thin">
        <color indexed="64"/>
      </left>
      <right style="thin">
        <color indexed="64"/>
      </right>
      <top/>
      <bottom style="medium">
        <color indexed="64"/>
      </bottom>
      <diagonal/>
    </border>
    <border>
      <left/>
      <right/>
      <top/>
      <bottom style="medium">
        <color indexed="64"/>
      </bottom>
      <diagonal/>
    </border>
    <border>
      <left/>
      <right style="thin">
        <color indexed="64"/>
      </right>
      <top/>
      <bottom style="thin">
        <color indexed="64"/>
      </bottom>
      <diagonal/>
    </border>
    <border>
      <left/>
      <right style="thin">
        <color indexed="64"/>
      </right>
      <top/>
      <bottom/>
      <diagonal/>
    </border>
    <border>
      <left style="thin">
        <color indexed="64"/>
      </left>
      <right/>
      <top style="medium">
        <color indexed="64"/>
      </top>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style="medium">
        <color indexed="64"/>
      </left>
      <right style="thin">
        <color indexed="64"/>
      </right>
      <top style="medium">
        <color indexed="64"/>
      </top>
      <bottom style="medium">
        <color indexed="64"/>
      </bottom>
      <diagonal/>
    </border>
    <border>
      <left/>
      <right style="thin">
        <color indexed="64"/>
      </right>
      <top style="medium">
        <color indexed="64"/>
      </top>
      <bottom style="medium">
        <color indexed="64"/>
      </bottom>
      <diagonal/>
    </border>
    <border>
      <left style="medium">
        <color indexed="64"/>
      </left>
      <right style="thin">
        <color indexed="64"/>
      </right>
      <top/>
      <bottom/>
      <diagonal/>
    </border>
    <border>
      <left style="thin">
        <color indexed="64"/>
      </left>
      <right style="medium">
        <color indexed="64"/>
      </right>
      <top/>
      <bottom/>
      <diagonal/>
    </border>
    <border>
      <left style="medium">
        <color indexed="64"/>
      </left>
      <right style="thin">
        <color rgb="FF000000"/>
      </right>
      <top style="thin">
        <color rgb="FF000000"/>
      </top>
      <bottom style="thin">
        <color rgb="FF000000"/>
      </bottom>
      <diagonal/>
    </border>
    <border>
      <left style="thin">
        <color rgb="FF000000"/>
      </left>
      <right style="thin">
        <color rgb="FF000000"/>
      </right>
      <top style="thin">
        <color rgb="FF000000"/>
      </top>
      <bottom style="thin">
        <color rgb="FF000000"/>
      </bottom>
      <diagonal/>
    </border>
    <border>
      <left style="thin">
        <color rgb="FF000000"/>
      </left>
      <right/>
      <top style="thin">
        <color rgb="FF000000"/>
      </top>
      <bottom style="thin">
        <color rgb="FF000000"/>
      </bottom>
      <diagonal/>
    </border>
    <border>
      <left style="thin">
        <color rgb="FF000000"/>
      </left>
      <right style="medium">
        <color indexed="64"/>
      </right>
      <top style="thin">
        <color rgb="FF000000"/>
      </top>
      <bottom style="thin">
        <color rgb="FF000000"/>
      </bottom>
      <diagonal/>
    </border>
    <border>
      <left style="medium">
        <color indexed="64"/>
      </left>
      <right style="thin">
        <color indexed="64"/>
      </right>
      <top style="thin">
        <color indexed="64"/>
      </top>
      <bottom style="thin">
        <color indexed="64"/>
      </bottom>
      <diagonal/>
    </border>
    <border>
      <left style="medium">
        <color indexed="64"/>
      </left>
      <right style="thin">
        <color rgb="FF000000"/>
      </right>
      <top style="thin">
        <color rgb="FF000000"/>
      </top>
      <bottom style="medium">
        <color indexed="64"/>
      </bottom>
      <diagonal/>
    </border>
    <border>
      <left style="thin">
        <color rgb="FF000000"/>
      </left>
      <right style="thin">
        <color rgb="FF000000"/>
      </right>
      <top style="thin">
        <color rgb="FF000000"/>
      </top>
      <bottom style="medium">
        <color indexed="64"/>
      </bottom>
      <diagonal/>
    </border>
    <border>
      <left style="thin">
        <color rgb="FF000000"/>
      </left>
      <right/>
      <top style="thin">
        <color rgb="FF000000"/>
      </top>
      <bottom style="medium">
        <color indexed="64"/>
      </bottom>
      <diagonal/>
    </border>
    <border>
      <left style="thin">
        <color rgb="FF000000"/>
      </left>
      <right style="medium">
        <color indexed="64"/>
      </right>
      <top style="thin">
        <color rgb="FF000000"/>
      </top>
      <bottom style="medium">
        <color indexed="64"/>
      </bottom>
      <diagonal/>
    </border>
    <border>
      <left style="medium">
        <color indexed="64"/>
      </left>
      <right style="thin">
        <color indexed="64"/>
      </right>
      <top style="medium">
        <color indexed="64"/>
      </top>
      <bottom style="thin">
        <color indexed="64"/>
      </bottom>
      <diagonal/>
    </border>
    <border>
      <left/>
      <right style="thin">
        <color indexed="64"/>
      </right>
      <top style="medium">
        <color indexed="64"/>
      </top>
      <bottom style="thin">
        <color indexed="64"/>
      </bottom>
      <diagonal/>
    </border>
    <border>
      <left style="thin">
        <color indexed="64"/>
      </left>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diagonal/>
    </border>
    <border>
      <left/>
      <right style="thin">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right style="thin">
        <color indexed="64"/>
      </right>
      <top style="thin">
        <color indexed="64"/>
      </top>
      <bottom style="medium">
        <color indexed="64"/>
      </bottom>
      <diagonal/>
    </border>
    <border>
      <left style="thin">
        <color indexed="64"/>
      </left>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right style="medium">
        <color indexed="64"/>
      </right>
      <top/>
      <bottom/>
      <diagonal/>
    </border>
    <border>
      <left style="medium">
        <color indexed="64"/>
      </left>
      <right style="medium">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right style="medium">
        <color indexed="64"/>
      </right>
      <top style="medium">
        <color indexed="64"/>
      </top>
      <bottom style="medium">
        <color indexed="64"/>
      </bottom>
      <diagonal/>
    </border>
    <border>
      <left style="medium">
        <color indexed="64"/>
      </left>
      <right style="thin">
        <color indexed="64"/>
      </right>
      <top/>
      <bottom style="thin">
        <color indexed="64"/>
      </bottom>
      <diagonal/>
    </border>
    <border>
      <left style="thin">
        <color indexed="64"/>
      </left>
      <right style="medium">
        <color indexed="64"/>
      </right>
      <top/>
      <bottom style="thin">
        <color indexed="64"/>
      </bottom>
      <diagonal/>
    </border>
    <border>
      <left style="medium">
        <color indexed="64"/>
      </left>
      <right style="thin">
        <color indexed="64"/>
      </right>
      <top style="medium">
        <color indexed="64"/>
      </top>
      <bottom/>
      <diagonal/>
    </border>
    <border>
      <left style="medium">
        <color indexed="64"/>
      </left>
      <right style="thin">
        <color indexed="64"/>
      </right>
      <top/>
      <bottom style="medium">
        <color indexed="64"/>
      </bottom>
      <diagonal/>
    </border>
    <border>
      <left style="thin">
        <color indexed="64"/>
      </left>
      <right style="medium">
        <color indexed="64"/>
      </right>
      <top/>
      <bottom style="medium">
        <color indexed="64"/>
      </bottom>
      <diagonal/>
    </border>
    <border>
      <left style="medium">
        <color indexed="64"/>
      </left>
      <right/>
      <top/>
      <bottom/>
      <diagonal/>
    </border>
    <border>
      <left/>
      <right style="thin">
        <color indexed="64"/>
      </right>
      <top/>
      <bottom style="medium">
        <color indexed="64"/>
      </bottom>
      <diagonal/>
    </border>
    <border>
      <left style="medium">
        <color indexed="64"/>
      </left>
      <right style="medium">
        <color indexed="64"/>
      </right>
      <top/>
      <bottom/>
      <diagonal/>
    </border>
    <border>
      <left style="medium">
        <color indexed="64"/>
      </left>
      <right style="medium">
        <color indexed="64"/>
      </right>
      <top/>
      <bottom style="thin">
        <color indexed="64"/>
      </bottom>
      <diagonal/>
    </border>
    <border>
      <left style="medium">
        <color indexed="64"/>
      </left>
      <right style="medium">
        <color indexed="64"/>
      </right>
      <top/>
      <bottom style="medium">
        <color indexed="64"/>
      </bottom>
      <diagonal/>
    </border>
    <border>
      <left style="medium">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style="medium">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medium">
        <color indexed="64"/>
      </right>
      <top style="medium">
        <color indexed="64"/>
      </top>
      <bottom/>
      <diagonal/>
    </border>
    <border>
      <left/>
      <right style="medium">
        <color rgb="FF000000"/>
      </right>
      <top style="medium">
        <color rgb="FF000000"/>
      </top>
      <bottom/>
      <diagonal/>
    </border>
    <border>
      <left/>
      <right style="medium">
        <color rgb="FF000000"/>
      </right>
      <top/>
      <bottom/>
      <diagonal/>
    </border>
    <border>
      <left/>
      <right style="medium">
        <color rgb="FF000000"/>
      </right>
      <top/>
      <bottom style="medium">
        <color rgb="FF000000"/>
      </bottom>
      <diagonal/>
    </border>
    <border>
      <left/>
      <right style="medium">
        <color indexed="64"/>
      </right>
      <top style="medium">
        <color indexed="64"/>
      </top>
      <bottom/>
      <diagonal/>
    </border>
    <border>
      <left style="medium">
        <color indexed="64"/>
      </left>
      <right style="thin">
        <color rgb="FF000000"/>
      </right>
      <top style="medium">
        <color indexed="64"/>
      </top>
      <bottom/>
      <diagonal/>
    </border>
    <border>
      <left style="medium">
        <color rgb="FF000000"/>
      </left>
      <right style="thin">
        <color rgb="FF000000"/>
      </right>
      <top style="medium">
        <color rgb="FF000000"/>
      </top>
      <bottom/>
      <diagonal/>
    </border>
    <border>
      <left style="medium">
        <color rgb="FF000000"/>
      </left>
      <right style="thin">
        <color rgb="FF000000"/>
      </right>
      <top/>
      <bottom/>
      <diagonal/>
    </border>
    <border>
      <left style="medium">
        <color rgb="FF000000"/>
      </left>
      <right style="thin">
        <color rgb="FF000000"/>
      </right>
      <top/>
      <bottom style="medium">
        <color rgb="FF000000"/>
      </bottom>
      <diagonal/>
    </border>
    <border>
      <left/>
      <right style="thin">
        <color rgb="FF000000"/>
      </right>
      <top style="medium">
        <color indexed="64"/>
      </top>
      <bottom/>
      <diagonal/>
    </border>
    <border>
      <left/>
      <right style="thin">
        <color rgb="FF000000"/>
      </right>
      <top style="medium">
        <color rgb="FF000000"/>
      </top>
      <bottom/>
      <diagonal/>
    </border>
    <border>
      <left/>
      <right style="thin">
        <color rgb="FF000000"/>
      </right>
      <top/>
      <bottom/>
      <diagonal/>
    </border>
    <border>
      <left/>
      <right style="thin">
        <color rgb="FF000000"/>
      </right>
      <top/>
      <bottom style="medium">
        <color rgb="FF000000"/>
      </bottom>
      <diagonal/>
    </border>
    <border>
      <left style="medium">
        <color indexed="64"/>
      </left>
      <right style="medium">
        <color indexed="64"/>
      </right>
      <top style="thin">
        <color indexed="64"/>
      </top>
      <bottom/>
      <diagonal/>
    </border>
  </borders>
  <cellStyleXfs count="4">
    <xf numFmtId="0" fontId="0" fillId="0" borderId="0"/>
    <xf numFmtId="0" fontId="1" fillId="0" borderId="0"/>
    <xf numFmtId="0" fontId="2" fillId="0" borderId="0"/>
    <xf numFmtId="0" fontId="7" fillId="0" borderId="0" applyNumberFormat="0" applyFill="0" applyBorder="0" applyAlignment="0" applyProtection="0"/>
  </cellStyleXfs>
  <cellXfs count="209">
    <xf numFmtId="0" fontId="0" fillId="0" borderId="0" xfId="0"/>
    <xf numFmtId="0" fontId="0" fillId="0" borderId="0" xfId="0" applyAlignment="1">
      <alignment horizontal="left" vertical="center" indent="4" readingOrder="1"/>
    </xf>
    <xf numFmtId="0" fontId="0" fillId="0" borderId="0" xfId="0" applyAlignment="1">
      <alignment vertical="center"/>
    </xf>
    <xf numFmtId="0" fontId="0" fillId="3" borderId="1" xfId="0" applyFill="1" applyBorder="1"/>
    <xf numFmtId="0" fontId="0" fillId="0" borderId="0" xfId="0" applyAlignment="1">
      <alignment wrapText="1"/>
    </xf>
    <xf numFmtId="0" fontId="3" fillId="0" borderId="0" xfId="0" applyFont="1" applyAlignment="1">
      <alignment horizontal="left" vertical="top"/>
    </xf>
    <xf numFmtId="0" fontId="3" fillId="8" borderId="16" xfId="0" applyFont="1" applyFill="1" applyBorder="1" applyAlignment="1">
      <alignment horizontal="left" vertical="top"/>
    </xf>
    <xf numFmtId="0" fontId="3" fillId="8" borderId="3" xfId="0" applyFont="1" applyFill="1" applyBorder="1" applyAlignment="1">
      <alignment horizontal="left" vertical="top"/>
    </xf>
    <xf numFmtId="0" fontId="3" fillId="8" borderId="2" xfId="0" applyFont="1" applyFill="1" applyBorder="1" applyAlignment="1">
      <alignment horizontal="left" vertical="top"/>
    </xf>
    <xf numFmtId="0" fontId="3" fillId="8" borderId="17" xfId="0" applyFont="1" applyFill="1" applyBorder="1" applyAlignment="1">
      <alignment horizontal="left" vertical="top"/>
    </xf>
    <xf numFmtId="0" fontId="3" fillId="0" borderId="18" xfId="0" applyFont="1" applyBorder="1" applyAlignment="1">
      <alignment horizontal="left" vertical="top" wrapText="1"/>
    </xf>
    <xf numFmtId="0" fontId="3" fillId="0" borderId="19" xfId="0" applyFont="1" applyBorder="1" applyAlignment="1">
      <alignment horizontal="left" vertical="top" wrapText="1"/>
    </xf>
    <xf numFmtId="0" fontId="3" fillId="0" borderId="20" xfId="0" applyFont="1" applyBorder="1" applyAlignment="1">
      <alignment horizontal="left" vertical="top" wrapText="1"/>
    </xf>
    <xf numFmtId="0" fontId="3" fillId="0" borderId="21" xfId="0" applyFont="1" applyBorder="1" applyAlignment="1">
      <alignment horizontal="left" vertical="top" wrapText="1"/>
    </xf>
    <xf numFmtId="0" fontId="3" fillId="0" borderId="19" xfId="0" applyFont="1" applyBorder="1" applyAlignment="1">
      <alignment horizontal="left" vertical="top"/>
    </xf>
    <xf numFmtId="0" fontId="3" fillId="0" borderId="20" xfId="0" applyFont="1" applyBorder="1" applyAlignment="1">
      <alignment horizontal="left" vertical="top"/>
    </xf>
    <xf numFmtId="0" fontId="3" fillId="0" borderId="21" xfId="0" applyFont="1" applyBorder="1" applyAlignment="1">
      <alignment horizontal="left" vertical="top"/>
    </xf>
    <xf numFmtId="0" fontId="3" fillId="0" borderId="18" xfId="0" applyFont="1" applyBorder="1" applyAlignment="1">
      <alignment horizontal="left" vertical="top"/>
    </xf>
    <xf numFmtId="0" fontId="5" fillId="0" borderId="22" xfId="0" applyFont="1" applyBorder="1" applyAlignment="1">
      <alignment horizontal="left" vertical="top" wrapText="1"/>
    </xf>
    <xf numFmtId="0" fontId="3" fillId="0" borderId="23" xfId="0" applyFont="1" applyBorder="1" applyAlignment="1">
      <alignment horizontal="left" vertical="top"/>
    </xf>
    <xf numFmtId="0" fontId="3" fillId="0" borderId="24" xfId="0" applyFont="1" applyBorder="1" applyAlignment="1">
      <alignment horizontal="left" vertical="top"/>
    </xf>
    <xf numFmtId="0" fontId="3" fillId="0" borderId="25" xfId="0" applyFont="1" applyBorder="1" applyAlignment="1">
      <alignment horizontal="left" vertical="top"/>
    </xf>
    <xf numFmtId="0" fontId="3" fillId="0" borderId="26" xfId="0" applyFont="1" applyBorder="1" applyAlignment="1">
      <alignment horizontal="left" vertical="top"/>
    </xf>
    <xf numFmtId="0" fontId="3" fillId="0" borderId="22" xfId="0" applyFont="1" applyBorder="1" applyAlignment="1">
      <alignment horizontal="left" vertical="top" wrapText="1"/>
    </xf>
    <xf numFmtId="0" fontId="3" fillId="0" borderId="1" xfId="0" applyFont="1" applyBorder="1" applyAlignment="1">
      <alignment horizontal="left" vertical="top" wrapText="1"/>
    </xf>
    <xf numFmtId="0" fontId="6" fillId="0" borderId="1" xfId="0" applyFont="1" applyBorder="1" applyAlignment="1">
      <alignment horizontal="left" vertical="top" wrapText="1"/>
    </xf>
    <xf numFmtId="0" fontId="7" fillId="0" borderId="1" xfId="3" applyBorder="1" applyAlignment="1">
      <alignment horizontal="left" vertical="top" wrapText="1"/>
    </xf>
    <xf numFmtId="0" fontId="6" fillId="0" borderId="29" xfId="0" applyFont="1" applyBorder="1" applyAlignment="1">
      <alignment horizontal="left" vertical="top" wrapText="1"/>
    </xf>
    <xf numFmtId="0" fontId="3" fillId="0" borderId="30" xfId="0" applyFont="1" applyBorder="1" applyAlignment="1">
      <alignment horizontal="left" vertical="top" wrapText="1"/>
    </xf>
    <xf numFmtId="0" fontId="3" fillId="0" borderId="29" xfId="0" applyFont="1" applyBorder="1" applyAlignment="1">
      <alignment horizontal="left" vertical="top" wrapText="1"/>
    </xf>
    <xf numFmtId="0" fontId="3" fillId="0" borderId="22" xfId="0" applyFont="1" applyBorder="1" applyAlignment="1">
      <alignment horizontal="left" vertical="top"/>
    </xf>
    <xf numFmtId="0" fontId="3" fillId="0" borderId="1" xfId="0" applyFont="1" applyBorder="1" applyAlignment="1">
      <alignment horizontal="left" vertical="top"/>
    </xf>
    <xf numFmtId="0" fontId="3" fillId="0" borderId="29" xfId="0" applyFont="1" applyBorder="1" applyAlignment="1">
      <alignment horizontal="left" vertical="top"/>
    </xf>
    <xf numFmtId="0" fontId="3" fillId="0" borderId="30" xfId="0" applyFont="1" applyBorder="1" applyAlignment="1">
      <alignment horizontal="left" vertical="top"/>
    </xf>
    <xf numFmtId="0" fontId="3" fillId="0" borderId="22" xfId="0" applyFont="1" applyBorder="1" applyAlignment="1">
      <alignment vertical="top" wrapText="1"/>
    </xf>
    <xf numFmtId="0" fontId="6" fillId="0" borderId="1" xfId="0" applyFont="1" applyBorder="1" applyAlignment="1">
      <alignment horizontal="left" vertical="top"/>
    </xf>
    <xf numFmtId="0" fontId="7" fillId="0" borderId="1" xfId="3" applyBorder="1" applyAlignment="1">
      <alignment horizontal="left" vertical="top"/>
    </xf>
    <xf numFmtId="0" fontId="6" fillId="0" borderId="29" xfId="0" applyFont="1" applyBorder="1" applyAlignment="1">
      <alignment horizontal="left" vertical="top"/>
    </xf>
    <xf numFmtId="0" fontId="3" fillId="0" borderId="31" xfId="0" applyFont="1" applyBorder="1" applyAlignment="1">
      <alignment vertical="top" wrapText="1"/>
    </xf>
    <xf numFmtId="0" fontId="3" fillId="0" borderId="31" xfId="0" applyFont="1" applyBorder="1" applyAlignment="1">
      <alignment horizontal="left" vertical="top"/>
    </xf>
    <xf numFmtId="0" fontId="5" fillId="0" borderId="22" xfId="0" applyFont="1" applyBorder="1" applyAlignment="1">
      <alignment horizontal="left" vertical="top"/>
    </xf>
    <xf numFmtId="0" fontId="3" fillId="0" borderId="32" xfId="0" applyFont="1" applyBorder="1" applyAlignment="1">
      <alignment horizontal="left" vertical="top"/>
    </xf>
    <xf numFmtId="0" fontId="3" fillId="0" borderId="33" xfId="0" applyFont="1" applyBorder="1" applyAlignment="1">
      <alignment horizontal="left" vertical="top"/>
    </xf>
    <xf numFmtId="0" fontId="3" fillId="0" borderId="34" xfId="0" applyFont="1" applyBorder="1" applyAlignment="1">
      <alignment horizontal="left" vertical="top"/>
    </xf>
    <xf numFmtId="0" fontId="3" fillId="0" borderId="5" xfId="0" applyFont="1" applyBorder="1" applyAlignment="1">
      <alignment horizontal="left" vertical="top"/>
    </xf>
    <xf numFmtId="0" fontId="3" fillId="0" borderId="35" xfId="0" applyFont="1" applyBorder="1" applyAlignment="1">
      <alignment horizontal="left" vertical="top"/>
    </xf>
    <xf numFmtId="0" fontId="3" fillId="0" borderId="36" xfId="0" applyFont="1" applyBorder="1" applyAlignment="1">
      <alignment horizontal="left" vertical="top"/>
    </xf>
    <xf numFmtId="0" fontId="3" fillId="8" borderId="42" xfId="0" applyFont="1" applyFill="1" applyBorder="1" applyAlignment="1">
      <alignment horizontal="left" vertical="top"/>
    </xf>
    <xf numFmtId="0" fontId="3" fillId="8" borderId="4" xfId="0" applyFont="1" applyFill="1" applyBorder="1" applyAlignment="1">
      <alignment horizontal="left" vertical="top"/>
    </xf>
    <xf numFmtId="0" fontId="7" fillId="0" borderId="0" xfId="3" applyAlignment="1">
      <alignment horizontal="left" vertical="top" wrapText="1"/>
    </xf>
    <xf numFmtId="0" fontId="0" fillId="11" borderId="0" xfId="0" applyFill="1" applyAlignment="1">
      <alignment wrapText="1"/>
    </xf>
    <xf numFmtId="0" fontId="8" fillId="0" borderId="0" xfId="0" applyFont="1" applyAlignment="1">
      <alignment wrapText="1"/>
    </xf>
    <xf numFmtId="0" fontId="9" fillId="0" borderId="0" xfId="0" applyFont="1" applyAlignment="1">
      <alignment horizontal="left" vertical="center" wrapText="1"/>
    </xf>
    <xf numFmtId="0" fontId="10" fillId="0" borderId="0" xfId="0" applyFont="1"/>
    <xf numFmtId="0" fontId="11" fillId="0" borderId="0" xfId="0" applyFont="1"/>
    <xf numFmtId="0" fontId="12" fillId="0" borderId="0" xfId="0" applyFont="1"/>
    <xf numFmtId="0" fontId="13" fillId="0" borderId="0" xfId="0" applyFont="1"/>
    <xf numFmtId="0" fontId="10" fillId="0" borderId="0" xfId="0" applyFont="1" applyAlignment="1">
      <alignment horizontal="left" vertical="center" indent="4" readingOrder="1"/>
    </xf>
    <xf numFmtId="0" fontId="16" fillId="4" borderId="33" xfId="0" applyFont="1" applyFill="1" applyBorder="1" applyAlignment="1">
      <alignment horizontal="center" vertical="center"/>
    </xf>
    <xf numFmtId="0" fontId="16" fillId="4" borderId="5" xfId="0" applyFont="1" applyFill="1" applyBorder="1" applyAlignment="1">
      <alignment horizontal="center" vertical="center"/>
    </xf>
    <xf numFmtId="0" fontId="16" fillId="4" borderId="36" xfId="0" applyFont="1" applyFill="1" applyBorder="1" applyAlignment="1">
      <alignment horizontal="center" vertical="center"/>
    </xf>
    <xf numFmtId="0" fontId="16" fillId="0" borderId="16" xfId="0" applyFont="1" applyBorder="1"/>
    <xf numFmtId="0" fontId="16" fillId="0" borderId="10" xfId="0" applyFont="1" applyBorder="1"/>
    <xf numFmtId="0" fontId="16" fillId="0" borderId="0" xfId="0" applyFont="1"/>
    <xf numFmtId="0" fontId="16" fillId="0" borderId="17" xfId="0" applyFont="1" applyBorder="1"/>
    <xf numFmtId="0" fontId="10" fillId="0" borderId="47" xfId="0" applyFont="1" applyBorder="1"/>
    <xf numFmtId="0" fontId="10" fillId="0" borderId="2" xfId="0" applyFont="1" applyBorder="1"/>
    <xf numFmtId="0" fontId="10" fillId="0" borderId="3" xfId="0" applyFont="1" applyBorder="1"/>
    <xf numFmtId="0" fontId="10" fillId="0" borderId="37" xfId="0" applyFont="1" applyBorder="1"/>
    <xf numFmtId="0" fontId="10" fillId="0" borderId="17" xfId="0" applyFont="1" applyBorder="1"/>
    <xf numFmtId="0" fontId="16" fillId="0" borderId="47" xfId="0" applyFont="1" applyBorder="1"/>
    <xf numFmtId="0" fontId="16" fillId="0" borderId="2" xfId="0" applyFont="1" applyBorder="1"/>
    <xf numFmtId="0" fontId="16" fillId="0" borderId="3" xfId="0" applyFont="1" applyBorder="1"/>
    <xf numFmtId="0" fontId="10" fillId="0" borderId="16" xfId="0" applyFont="1" applyBorder="1"/>
    <xf numFmtId="0" fontId="10" fillId="0" borderId="10" xfId="0" applyFont="1" applyBorder="1"/>
    <xf numFmtId="0" fontId="10" fillId="0" borderId="45" xfId="0" applyFont="1" applyBorder="1"/>
    <xf numFmtId="0" fontId="10" fillId="0" borderId="48" xfId="0" applyFont="1" applyBorder="1"/>
    <xf numFmtId="0" fontId="10" fillId="0" borderId="8" xfId="0" applyFont="1" applyBorder="1"/>
    <xf numFmtId="0" fontId="10" fillId="0" borderId="46" xfId="0" applyFont="1" applyBorder="1"/>
    <xf numFmtId="0" fontId="16" fillId="0" borderId="6" xfId="0" applyFont="1" applyBorder="1"/>
    <xf numFmtId="0" fontId="10" fillId="0" borderId="7" xfId="0" applyFont="1" applyBorder="1"/>
    <xf numFmtId="0" fontId="17" fillId="0" borderId="0" xfId="0" applyFont="1"/>
    <xf numFmtId="0" fontId="16" fillId="10" borderId="38" xfId="0" applyFont="1" applyFill="1" applyBorder="1" applyAlignment="1">
      <alignment vertical="center"/>
    </xf>
    <xf numFmtId="0" fontId="16" fillId="10" borderId="15" xfId="0" applyFont="1" applyFill="1" applyBorder="1" applyAlignment="1">
      <alignment vertical="center"/>
    </xf>
    <xf numFmtId="0" fontId="16" fillId="10" borderId="39" xfId="0" applyFont="1" applyFill="1" applyBorder="1" applyAlignment="1">
      <alignment vertical="center"/>
    </xf>
    <xf numFmtId="0" fontId="10" fillId="10" borderId="39" xfId="0" applyFont="1" applyFill="1" applyBorder="1" applyAlignment="1">
      <alignment vertical="center" wrapText="1"/>
    </xf>
    <xf numFmtId="0" fontId="16" fillId="10" borderId="40" xfId="0" applyFont="1" applyFill="1" applyBorder="1" applyAlignment="1">
      <alignment vertical="center" wrapText="1"/>
    </xf>
    <xf numFmtId="0" fontId="16" fillId="9" borderId="49" xfId="0" applyFont="1" applyFill="1" applyBorder="1"/>
    <xf numFmtId="0" fontId="10" fillId="0" borderId="4" xfId="0" applyFont="1" applyBorder="1"/>
    <xf numFmtId="0" fontId="10" fillId="0" borderId="43" xfId="0" applyFont="1" applyBorder="1"/>
    <xf numFmtId="0" fontId="10" fillId="0" borderId="49" xfId="0" applyFont="1" applyBorder="1"/>
    <xf numFmtId="0" fontId="10" fillId="0" borderId="1" xfId="0" applyFont="1" applyBorder="1"/>
    <xf numFmtId="0" fontId="10" fillId="0" borderId="30" xfId="0" applyFont="1" applyBorder="1"/>
    <xf numFmtId="0" fontId="10" fillId="0" borderId="51" xfId="0" applyFont="1" applyBorder="1"/>
    <xf numFmtId="0" fontId="10" fillId="0" borderId="5" xfId="0" applyFont="1" applyBorder="1"/>
    <xf numFmtId="0" fontId="10" fillId="0" borderId="36" xfId="0" applyFont="1" applyBorder="1"/>
    <xf numFmtId="0" fontId="16" fillId="9" borderId="14" xfId="0" applyFont="1" applyFill="1" applyBorder="1" applyAlignment="1">
      <alignment horizontal="left"/>
    </xf>
    <xf numFmtId="0" fontId="16" fillId="9" borderId="39" xfId="0" applyFont="1" applyFill="1" applyBorder="1" applyAlignment="1">
      <alignment horizontal="left"/>
    </xf>
    <xf numFmtId="0" fontId="16" fillId="9" borderId="40" xfId="0" applyFont="1" applyFill="1" applyBorder="1" applyAlignment="1">
      <alignment horizontal="left"/>
    </xf>
    <xf numFmtId="0" fontId="16" fillId="9" borderId="15" xfId="0" applyFont="1" applyFill="1" applyBorder="1" applyAlignment="1">
      <alignment horizontal="left"/>
    </xf>
    <xf numFmtId="0" fontId="16" fillId="10" borderId="50" xfId="0" applyFont="1" applyFill="1" applyBorder="1" applyAlignment="1">
      <alignment vertical="center"/>
    </xf>
    <xf numFmtId="0" fontId="10" fillId="0" borderId="4" xfId="0" applyFont="1" applyBorder="1" applyAlignment="1">
      <alignment horizontal="left" vertical="center"/>
    </xf>
    <xf numFmtId="0" fontId="10" fillId="0" borderId="43" xfId="0" applyFont="1" applyBorder="1" applyAlignment="1">
      <alignment horizontal="left" vertical="center"/>
    </xf>
    <xf numFmtId="0" fontId="10" fillId="0" borderId="32" xfId="0" applyFont="1" applyBorder="1" applyAlignment="1">
      <alignment horizontal="left" vertical="center"/>
    </xf>
    <xf numFmtId="0" fontId="10" fillId="0" borderId="1" xfId="0" applyFont="1" applyBorder="1" applyAlignment="1">
      <alignment horizontal="left" vertical="center"/>
    </xf>
    <xf numFmtId="0" fontId="10" fillId="0" borderId="30" xfId="0" applyFont="1" applyBorder="1" applyAlignment="1">
      <alignment horizontal="left" vertical="center"/>
    </xf>
    <xf numFmtId="0" fontId="16" fillId="10" borderId="53" xfId="0" applyFont="1" applyFill="1" applyBorder="1" applyAlignment="1">
      <alignment vertical="center"/>
    </xf>
    <xf numFmtId="0" fontId="10" fillId="0" borderId="32" xfId="0" applyFont="1" applyBorder="1" applyAlignment="1">
      <alignment horizontal="left" vertical="center" wrapText="1"/>
    </xf>
    <xf numFmtId="0" fontId="10" fillId="0" borderId="1" xfId="0" applyFont="1" applyBorder="1" applyAlignment="1">
      <alignment horizontal="left" vertical="center" wrapText="1"/>
    </xf>
    <xf numFmtId="0" fontId="10" fillId="0" borderId="30" xfId="0" applyFont="1" applyBorder="1" applyAlignment="1">
      <alignment horizontal="left" vertical="center" wrapText="1"/>
    </xf>
    <xf numFmtId="0" fontId="16" fillId="10" borderId="54" xfId="0" applyFont="1" applyFill="1" applyBorder="1" applyAlignment="1">
      <alignment vertical="center"/>
    </xf>
    <xf numFmtId="0" fontId="10" fillId="0" borderId="34" xfId="0" applyFont="1" applyBorder="1" applyAlignment="1">
      <alignment horizontal="left" vertical="center" wrapText="1"/>
    </xf>
    <xf numFmtId="0" fontId="10" fillId="0" borderId="5" xfId="0" applyFont="1" applyBorder="1" applyAlignment="1">
      <alignment horizontal="left" vertical="center" wrapText="1"/>
    </xf>
    <xf numFmtId="0" fontId="10" fillId="0" borderId="36" xfId="0" applyFont="1" applyBorder="1" applyAlignment="1">
      <alignment horizontal="left" vertical="center" wrapText="1"/>
    </xf>
    <xf numFmtId="0" fontId="16" fillId="2" borderId="52" xfId="0" applyFont="1" applyFill="1" applyBorder="1" applyAlignment="1">
      <alignment vertical="center"/>
    </xf>
    <xf numFmtId="0" fontId="10" fillId="0" borderId="0" xfId="0" applyFont="1" applyAlignment="1">
      <alignment vertical="center"/>
    </xf>
    <xf numFmtId="0" fontId="16" fillId="2" borderId="53" xfId="0" applyFont="1" applyFill="1" applyBorder="1" applyAlignment="1">
      <alignment vertical="center"/>
    </xf>
    <xf numFmtId="0" fontId="16" fillId="2" borderId="54" xfId="0" applyFont="1" applyFill="1" applyBorder="1" applyAlignment="1">
      <alignment vertical="center"/>
    </xf>
    <xf numFmtId="0" fontId="10" fillId="0" borderId="8" xfId="0" applyFont="1" applyBorder="1" applyAlignment="1">
      <alignment vertical="center"/>
    </xf>
    <xf numFmtId="0" fontId="16" fillId="2" borderId="50" xfId="0" applyFont="1" applyFill="1" applyBorder="1" applyAlignment="1">
      <alignment vertical="center"/>
    </xf>
    <xf numFmtId="0" fontId="10" fillId="0" borderId="27" xfId="0" applyFont="1" applyBorder="1"/>
    <xf numFmtId="0" fontId="10" fillId="0" borderId="55" xfId="0" applyFont="1" applyBorder="1"/>
    <xf numFmtId="0" fontId="10" fillId="0" borderId="56" xfId="0" applyFont="1" applyBorder="1"/>
    <xf numFmtId="0" fontId="10" fillId="0" borderId="42" xfId="0" applyFont="1" applyBorder="1" applyAlignment="1">
      <alignment horizontal="left"/>
    </xf>
    <xf numFmtId="0" fontId="10" fillId="0" borderId="4" xfId="0" applyFont="1" applyBorder="1" applyAlignment="1">
      <alignment horizontal="center" vertical="center"/>
    </xf>
    <xf numFmtId="0" fontId="10" fillId="0" borderId="43" xfId="0" applyFont="1" applyBorder="1" applyAlignment="1">
      <alignment horizontal="center" vertical="center"/>
    </xf>
    <xf numFmtId="0" fontId="10" fillId="0" borderId="22" xfId="0" applyFont="1" applyBorder="1"/>
    <xf numFmtId="0" fontId="10" fillId="0" borderId="33" xfId="0" applyFont="1" applyBorder="1"/>
    <xf numFmtId="0" fontId="19" fillId="0" borderId="0" xfId="0" applyFont="1"/>
    <xf numFmtId="0" fontId="14" fillId="0" borderId="49" xfId="0" applyFont="1" applyBorder="1"/>
    <xf numFmtId="0" fontId="15" fillId="0" borderId="0" xfId="0" applyFont="1"/>
    <xf numFmtId="0" fontId="16" fillId="10" borderId="61" xfId="0" applyFont="1" applyFill="1" applyBorder="1"/>
    <xf numFmtId="0" fontId="16" fillId="5" borderId="62" xfId="0" applyFont="1" applyFill="1" applyBorder="1"/>
    <xf numFmtId="0" fontId="10" fillId="0" borderId="63" xfId="0" applyFont="1" applyBorder="1"/>
    <xf numFmtId="0" fontId="10" fillId="0" borderId="64" xfId="0" applyFont="1" applyBorder="1"/>
    <xf numFmtId="0" fontId="10" fillId="0" borderId="65" xfId="0" applyFont="1" applyBorder="1"/>
    <xf numFmtId="0" fontId="16" fillId="10" borderId="66" xfId="0" applyFont="1" applyFill="1" applyBorder="1"/>
    <xf numFmtId="0" fontId="10" fillId="0" borderId="67" xfId="0" applyFont="1" applyBorder="1" applyAlignment="1">
      <alignment wrapText="1"/>
    </xf>
    <xf numFmtId="0" fontId="10" fillId="0" borderId="68" xfId="0" applyFont="1" applyBorder="1" applyAlignment="1">
      <alignment wrapText="1"/>
    </xf>
    <xf numFmtId="0" fontId="10" fillId="0" borderId="69" xfId="0" applyFont="1" applyBorder="1" applyAlignment="1">
      <alignment wrapText="1"/>
    </xf>
    <xf numFmtId="0" fontId="0" fillId="0" borderId="3" xfId="0" applyBorder="1"/>
    <xf numFmtId="0" fontId="8" fillId="0" borderId="2" xfId="0" applyFont="1" applyBorder="1"/>
    <xf numFmtId="0" fontId="20" fillId="0" borderId="47" xfId="0" applyFont="1" applyBorder="1"/>
    <xf numFmtId="0" fontId="20" fillId="0" borderId="16" xfId="0" applyFont="1" applyBorder="1"/>
    <xf numFmtId="0" fontId="20" fillId="0" borderId="17" xfId="0" applyFont="1" applyBorder="1"/>
    <xf numFmtId="0" fontId="20" fillId="0" borderId="3" xfId="0" applyFont="1" applyBorder="1"/>
    <xf numFmtId="0" fontId="20" fillId="0" borderId="0" xfId="0" applyFont="1"/>
    <xf numFmtId="0" fontId="21" fillId="9" borderId="49" xfId="0" applyFont="1" applyFill="1" applyBorder="1"/>
    <xf numFmtId="0" fontId="20" fillId="0" borderId="49" xfId="0" applyFont="1" applyBorder="1"/>
    <xf numFmtId="0" fontId="22" fillId="0" borderId="0" xfId="0" applyFont="1"/>
    <xf numFmtId="0" fontId="21" fillId="10" borderId="39" xfId="0" applyFont="1" applyFill="1" applyBorder="1" applyAlignment="1">
      <alignment vertical="center"/>
    </xf>
    <xf numFmtId="0" fontId="21" fillId="0" borderId="17" xfId="0" applyFont="1" applyBorder="1"/>
    <xf numFmtId="0" fontId="21" fillId="0" borderId="44" xfId="0" applyFont="1" applyBorder="1"/>
    <xf numFmtId="0" fontId="21" fillId="0" borderId="11" xfId="0" applyFont="1" applyBorder="1"/>
    <xf numFmtId="0" fontId="21" fillId="0" borderId="2" xfId="0" applyFont="1" applyBorder="1"/>
    <xf numFmtId="0" fontId="21" fillId="0" borderId="3" xfId="0" applyFont="1" applyBorder="1"/>
    <xf numFmtId="0" fontId="3" fillId="0" borderId="0" xfId="0" applyFont="1"/>
    <xf numFmtId="0" fontId="20" fillId="0" borderId="2" xfId="0" applyFont="1" applyBorder="1"/>
    <xf numFmtId="0" fontId="20" fillId="0" borderId="37" xfId="0" applyFont="1" applyBorder="1"/>
    <xf numFmtId="0" fontId="8" fillId="0" borderId="3" xfId="0" applyFont="1" applyBorder="1"/>
    <xf numFmtId="0" fontId="16" fillId="10" borderId="14" xfId="0" applyFont="1" applyFill="1" applyBorder="1" applyAlignment="1">
      <alignment vertical="center"/>
    </xf>
    <xf numFmtId="0" fontId="21" fillId="9" borderId="70" xfId="0" applyFont="1" applyFill="1" applyBorder="1"/>
    <xf numFmtId="0" fontId="21" fillId="9" borderId="51" xfId="0" applyFont="1" applyFill="1" applyBorder="1"/>
    <xf numFmtId="0" fontId="7" fillId="0" borderId="4" xfId="3" applyBorder="1"/>
    <xf numFmtId="0" fontId="10" fillId="0" borderId="4" xfId="0" applyFont="1" applyBorder="1" applyAlignment="1">
      <alignment wrapText="1"/>
    </xf>
    <xf numFmtId="0" fontId="20" fillId="0" borderId="1" xfId="0" applyFont="1" applyBorder="1"/>
    <xf numFmtId="0" fontId="10" fillId="0" borderId="22" xfId="0" applyFont="1" applyBorder="1" applyAlignment="1">
      <alignment wrapText="1"/>
    </xf>
    <xf numFmtId="0" fontId="0" fillId="0" borderId="67" xfId="0" applyBorder="1" applyAlignment="1">
      <alignment wrapText="1"/>
    </xf>
    <xf numFmtId="0" fontId="0" fillId="0" borderId="58" xfId="0" applyBorder="1" applyAlignment="1">
      <alignment wrapText="1"/>
    </xf>
    <xf numFmtId="0" fontId="0" fillId="0" borderId="68" xfId="0" applyBorder="1" applyAlignment="1">
      <alignment wrapText="1"/>
    </xf>
    <xf numFmtId="0" fontId="0" fillId="0" borderId="59" xfId="0" applyBorder="1" applyAlignment="1">
      <alignment wrapText="1"/>
    </xf>
    <xf numFmtId="0" fontId="0" fillId="0" borderId="69" xfId="0" applyBorder="1" applyAlignment="1">
      <alignment wrapText="1"/>
    </xf>
    <xf numFmtId="0" fontId="0" fillId="0" borderId="60" xfId="0" applyBorder="1" applyAlignment="1">
      <alignment wrapText="1"/>
    </xf>
    <xf numFmtId="0" fontId="3" fillId="0" borderId="9" xfId="0" applyFont="1" applyBorder="1" applyAlignment="1">
      <alignment horizontal="left" vertical="center"/>
    </xf>
    <xf numFmtId="0" fontId="3" fillId="0" borderId="4" xfId="0" applyFont="1" applyBorder="1" applyAlignment="1">
      <alignment horizontal="left" vertical="center"/>
    </xf>
    <xf numFmtId="0" fontId="10" fillId="0" borderId="1" xfId="0" applyFont="1" applyBorder="1" applyAlignment="1">
      <alignment wrapText="1"/>
    </xf>
    <xf numFmtId="0" fontId="10" fillId="0" borderId="4" xfId="0" applyFont="1" applyBorder="1" applyAlignment="1">
      <alignment horizontal="left"/>
    </xf>
    <xf numFmtId="0" fontId="10" fillId="0" borderId="1" xfId="0" applyFont="1" applyBorder="1" applyAlignment="1">
      <alignment horizontal="left"/>
    </xf>
    <xf numFmtId="0" fontId="10" fillId="0" borderId="5" xfId="0" applyFont="1" applyBorder="1" applyAlignment="1">
      <alignment horizontal="left"/>
    </xf>
    <xf numFmtId="0" fontId="10" fillId="0" borderId="0" xfId="0" applyFont="1" applyBorder="1" applyAlignment="1">
      <alignment wrapText="1"/>
    </xf>
    <xf numFmtId="0" fontId="21" fillId="0" borderId="16" xfId="0" applyFont="1" applyBorder="1"/>
    <xf numFmtId="0" fontId="23" fillId="0" borderId="0" xfId="0" applyFont="1"/>
    <xf numFmtId="0" fontId="16" fillId="9" borderId="42" xfId="0" applyFont="1" applyFill="1" applyBorder="1" applyAlignment="1">
      <alignment horizontal="center" vertical="center"/>
    </xf>
    <xf numFmtId="0" fontId="16" fillId="9" borderId="4" xfId="0" applyFont="1" applyFill="1" applyBorder="1" applyAlignment="1">
      <alignment horizontal="center" vertical="center"/>
    </xf>
    <xf numFmtId="0" fontId="16" fillId="9" borderId="43" xfId="0" applyFont="1" applyFill="1" applyBorder="1" applyAlignment="1">
      <alignment horizontal="center" vertical="center"/>
    </xf>
    <xf numFmtId="0" fontId="16" fillId="10" borderId="14" xfId="0" applyFont="1" applyFill="1" applyBorder="1" applyAlignment="1">
      <alignment horizontal="center" vertical="center"/>
    </xf>
    <xf numFmtId="0" fontId="16" fillId="10" borderId="39" xfId="0" applyFont="1" applyFill="1" applyBorder="1" applyAlignment="1">
      <alignment horizontal="center" vertical="center"/>
    </xf>
    <xf numFmtId="0" fontId="16" fillId="10" borderId="40" xfId="0" applyFont="1" applyFill="1" applyBorder="1" applyAlignment="1">
      <alignment horizontal="center" vertical="center"/>
    </xf>
    <xf numFmtId="0" fontId="18" fillId="9" borderId="57" xfId="0" applyFont="1" applyFill="1" applyBorder="1" applyAlignment="1">
      <alignment horizontal="center" vertical="center" textRotation="90"/>
    </xf>
    <xf numFmtId="0" fontId="18" fillId="9" borderId="49" xfId="0" applyFont="1" applyFill="1" applyBorder="1" applyAlignment="1">
      <alignment horizontal="center" vertical="center" textRotation="90"/>
    </xf>
    <xf numFmtId="0" fontId="18" fillId="9" borderId="51" xfId="0" applyFont="1" applyFill="1" applyBorder="1" applyAlignment="1">
      <alignment horizontal="center" vertical="center" textRotation="90"/>
    </xf>
    <xf numFmtId="0" fontId="10" fillId="0" borderId="28" xfId="0" applyFont="1" applyBorder="1" applyAlignment="1">
      <alignment horizontal="left" vertical="center"/>
    </xf>
    <xf numFmtId="0" fontId="10" fillId="0" borderId="55" xfId="0" applyFont="1" applyBorder="1" applyAlignment="1">
      <alignment horizontal="left" vertical="center"/>
    </xf>
    <xf numFmtId="0" fontId="10" fillId="0" borderId="56" xfId="0" applyFont="1" applyBorder="1" applyAlignment="1">
      <alignment horizontal="left" vertical="center"/>
    </xf>
    <xf numFmtId="0" fontId="10" fillId="0" borderId="32" xfId="0" applyFont="1" applyBorder="1" applyAlignment="1">
      <alignment horizontal="left" vertical="center"/>
    </xf>
    <xf numFmtId="0" fontId="10" fillId="0" borderId="1" xfId="0" applyFont="1" applyBorder="1" applyAlignment="1">
      <alignment horizontal="left" vertical="center"/>
    </xf>
    <xf numFmtId="0" fontId="10" fillId="0" borderId="30" xfId="0" applyFont="1" applyBorder="1" applyAlignment="1">
      <alignment horizontal="left" vertical="center"/>
    </xf>
    <xf numFmtId="0" fontId="10" fillId="0" borderId="34" xfId="0" applyFont="1" applyBorder="1" applyAlignment="1">
      <alignment horizontal="left" vertical="center"/>
    </xf>
    <xf numFmtId="0" fontId="10" fillId="0" borderId="5" xfId="0" applyFont="1" applyBorder="1" applyAlignment="1">
      <alignment horizontal="left" vertical="center"/>
    </xf>
    <xf numFmtId="0" fontId="10" fillId="0" borderId="36" xfId="0" applyFont="1" applyBorder="1" applyAlignment="1">
      <alignment horizontal="left" vertical="center"/>
    </xf>
    <xf numFmtId="0" fontId="4" fillId="7" borderId="12" xfId="0" applyFont="1" applyFill="1" applyBorder="1" applyAlignment="1">
      <alignment horizontal="left" vertical="top"/>
    </xf>
    <xf numFmtId="0" fontId="4" fillId="7" borderId="13" xfId="0" applyFont="1" applyFill="1" applyBorder="1" applyAlignment="1">
      <alignment horizontal="left" vertical="top"/>
    </xf>
    <xf numFmtId="0" fontId="4" fillId="7" borderId="15" xfId="0" applyFont="1" applyFill="1" applyBorder="1" applyAlignment="1">
      <alignment horizontal="left" vertical="top"/>
    </xf>
    <xf numFmtId="0" fontId="3" fillId="0" borderId="0" xfId="0" applyFont="1" applyAlignment="1">
      <alignment horizontal="left" vertical="top"/>
    </xf>
    <xf numFmtId="0" fontId="4" fillId="7" borderId="41" xfId="0" applyFont="1" applyFill="1" applyBorder="1" applyAlignment="1">
      <alignment horizontal="left" vertical="top"/>
    </xf>
    <xf numFmtId="0" fontId="3" fillId="0" borderId="37" xfId="0" applyFont="1" applyBorder="1" applyAlignment="1">
      <alignment horizontal="left" vertical="top"/>
    </xf>
    <xf numFmtId="0" fontId="4" fillId="6" borderId="12" xfId="0" applyFont="1" applyFill="1" applyBorder="1" applyAlignment="1">
      <alignment horizontal="left" vertical="top" wrapText="1"/>
    </xf>
    <xf numFmtId="0" fontId="4" fillId="6" borderId="13" xfId="0" applyFont="1" applyFill="1" applyBorder="1" applyAlignment="1">
      <alignment horizontal="left" vertical="top" wrapText="1"/>
    </xf>
    <xf numFmtId="0" fontId="4" fillId="6" borderId="41" xfId="0" applyFont="1" applyFill="1" applyBorder="1" applyAlignment="1">
      <alignment horizontal="left" vertical="top" wrapText="1"/>
    </xf>
  </cellXfs>
  <cellStyles count="4">
    <cellStyle name="Hyperlink" xfId="3" builtinId="8"/>
    <cellStyle name="Normal" xfId="0" builtinId="0" customBuiltin="1"/>
    <cellStyle name="Normal 2" xfId="1" xr:uid="{3BC9F2CF-8901-4C70-95BB-124ECC97EC00}"/>
    <cellStyle name="Normal 2 2" xfId="2" xr:uid="{56E6692E-1E4C-4661-A89E-345772A97718}"/>
  </cellStyles>
  <dxfs count="0"/>
  <tableStyles count="0" defaultTableStyle="TableStyleMedium2" defaultPivotStyle="PivotStyleLight16"/>
  <colors>
    <mruColors>
      <color rgb="FFC9C9C9"/>
      <color rgb="FFB4C6E7"/>
      <color rgb="FF93C6F1"/>
      <color rgb="FFE7F5F2"/>
      <color rgb="FFDBF1EC"/>
      <color rgb="FF86D1F2"/>
      <color rgb="FF567EBE"/>
      <color rgb="FFCCECFF"/>
      <color rgb="FFAED4F4"/>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theme" Target="theme/theme1.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sharedStrings" Target="sharedStrings.xml"/><Relationship Id="rId4" Type="http://schemas.openxmlformats.org/officeDocument/2006/relationships/worksheet" Target="worksheets/sheet4.xml"/><Relationship Id="rId9" Type="http://schemas.openxmlformats.org/officeDocument/2006/relationships/styles" Target="styles.xml"/><Relationship Id="rId14" Type="http://schemas.openxmlformats.org/officeDocument/2006/relationships/customXml" Target="../customXml/item4.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800"/>
              <a:t>Influence / Interest Matrix</a:t>
            </a:r>
          </a:p>
        </c:rich>
      </c:tx>
      <c:layout>
        <c:manualLayout>
          <c:xMode val="edge"/>
          <c:yMode val="edge"/>
          <c:x val="0.41345838820067404"/>
          <c:y val="2.0960307957132239E-2"/>
        </c:manualLayout>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5.6700141522050822E-2"/>
          <c:y val="0.13297855824112725"/>
          <c:w val="0.90182116173101101"/>
          <c:h val="0.77982991432870297"/>
        </c:manualLayout>
      </c:layout>
      <c:scatterChart>
        <c:scatterStyle val="lineMarker"/>
        <c:varyColors val="0"/>
        <c:ser>
          <c:idx val="0"/>
          <c:order val="0"/>
          <c:tx>
            <c:v>Stakeholder</c:v>
          </c:tx>
          <c:spPr>
            <a:ln w="25400" cap="rnd">
              <a:noFill/>
              <a:round/>
            </a:ln>
            <a:effectLst/>
          </c:spPr>
          <c:marker>
            <c:symbol val="circle"/>
            <c:size val="5"/>
            <c:spPr>
              <a:solidFill>
                <a:schemeClr val="accent1"/>
              </a:solidFill>
              <a:ln w="9525">
                <a:solidFill>
                  <a:schemeClr val="accent1"/>
                </a:solidFill>
              </a:ln>
              <a:effectLst/>
            </c:spPr>
          </c:marker>
          <c:dPt>
            <c:idx val="1"/>
            <c:marker>
              <c:symbol val="circle"/>
              <c:size val="5"/>
              <c:spPr>
                <a:solidFill>
                  <a:schemeClr val="accent1"/>
                </a:solidFill>
                <a:ln w="9525">
                  <a:solidFill>
                    <a:schemeClr val="accent1"/>
                  </a:solidFill>
                </a:ln>
                <a:effectLst/>
              </c:spPr>
            </c:marker>
            <c:bubble3D val="0"/>
            <c:spPr>
              <a:ln w="25400" cap="rnd">
                <a:noFill/>
                <a:round/>
              </a:ln>
              <a:effectLst/>
            </c:spPr>
            <c:extLst>
              <c:ext xmlns:c16="http://schemas.microsoft.com/office/drawing/2014/chart" uri="{C3380CC4-5D6E-409C-BE32-E72D297353CC}">
                <c16:uniqueId val="{00000008-BC69-4595-98F2-E30B4B765B00}"/>
              </c:ext>
            </c:extLst>
          </c:dPt>
          <c:dLbls>
            <c:dLbl>
              <c:idx val="0"/>
              <c:layout>
                <c:manualLayout>
                  <c:x val="-7.9565154869759694E-2"/>
                  <c:y val="-0.10888888888888892"/>
                </c:manualLayout>
              </c:layout>
              <c:tx>
                <c:rich>
                  <a:bodyPr/>
                  <a:lstStyle/>
                  <a:p>
                    <a:fld id="{4B789E4B-B59C-4C69-8E2D-2597D21DED2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7-BC69-4595-98F2-E30B4B765B00}"/>
                </c:ext>
              </c:extLst>
            </c:dLbl>
            <c:dLbl>
              <c:idx val="1"/>
              <c:layout>
                <c:manualLayout>
                  <c:x val="3.1838813010240441E-2"/>
                  <c:y val="3.0443744531933509E-2"/>
                </c:manualLayout>
              </c:layout>
              <c:tx>
                <c:rich>
                  <a:bodyPr/>
                  <a:lstStyle/>
                  <a:p>
                    <a:fld id="{0A256F78-2330-48D8-A58E-1B47B7C6D5C0}"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8-BC69-4595-98F2-E30B4B765B00}"/>
                </c:ext>
              </c:extLst>
            </c:dLbl>
            <c:dLbl>
              <c:idx val="2"/>
              <c:layout>
                <c:manualLayout>
                  <c:x val="-4.3058789694222895E-2"/>
                  <c:y val="5.3333333333333337E-2"/>
                </c:manualLayout>
              </c:layout>
              <c:tx>
                <c:rich>
                  <a:bodyPr/>
                  <a:lstStyle/>
                  <a:p>
                    <a:fld id="{AEAC9973-9491-4490-B40E-BB98BB53D332}"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9-BC69-4595-98F2-E30B4B765B00}"/>
                </c:ext>
              </c:extLst>
            </c:dLbl>
            <c:dLbl>
              <c:idx val="3"/>
              <c:layout>
                <c:manualLayout>
                  <c:x val="3.9314547112116419E-2"/>
                  <c:y val="2.8888888888888888E-2"/>
                </c:manualLayout>
              </c:layout>
              <c:tx>
                <c:rich>
                  <a:bodyPr/>
                  <a:lstStyle/>
                  <a:p>
                    <a:fld id="{05D8CDBF-4BD2-4989-8449-DC563065A9A2}"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A-BC69-4595-98F2-E30B4B765B00}"/>
                </c:ext>
              </c:extLst>
            </c:dLbl>
            <c:dLbl>
              <c:idx val="4"/>
              <c:layout>
                <c:manualLayout>
                  <c:x val="4.212272904869631E-3"/>
                  <c:y val="-6.6665791776028402E-3"/>
                </c:manualLayout>
              </c:layout>
              <c:tx>
                <c:rich>
                  <a:bodyPr rot="0" spcFirstLastPara="1" vertOverflow="ellipsis" vert="horz" wrap="square" lIns="38100" tIns="19050" rIns="38100" bIns="19050" anchor="ctr" anchorCtr="1">
                    <a:noAutofit/>
                  </a:bodyPr>
                  <a:lstStyle/>
                  <a:p>
                    <a:pPr>
                      <a:defRPr sz="900" b="0" i="0" u="none" strike="noStrike" kern="1200" baseline="0">
                        <a:solidFill>
                          <a:schemeClr val="tx1">
                            <a:lumMod val="75000"/>
                            <a:lumOff val="25000"/>
                          </a:schemeClr>
                        </a:solidFill>
                        <a:latin typeface="+mn-lt"/>
                        <a:ea typeface="+mn-ea"/>
                        <a:cs typeface="+mn-cs"/>
                      </a:defRPr>
                    </a:pPr>
                    <a:fld id="{8D20AA12-B18A-499E-AC7E-07E422DA3453}" type="CELLRANGE">
                      <a:rPr lang="en-US"/>
                      <a:pPr>
                        <a:defRPr/>
                      </a:pPr>
                      <a:t>[CELLRANGE]</a:t>
                    </a:fld>
                    <a:endParaRPr lang="en-GB"/>
                  </a:p>
                </c:rich>
              </c:tx>
              <c:spPr>
                <a:noFill/>
                <a:ln>
                  <a:noFill/>
                </a:ln>
                <a:effectLst/>
              </c:spPr>
              <c:txPr>
                <a:bodyPr rot="0" spcFirstLastPara="1" vertOverflow="ellipsis" vert="horz" wrap="square" lIns="38100" tIns="19050" rIns="38100" bIns="19050" anchor="ctr" anchorCtr="1">
                  <a:no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layout>
                    <c:manualLayout>
                      <c:w val="7.035896156822441E-2"/>
                      <c:h val="9.7744531933508294E-2"/>
                    </c:manualLayout>
                  </c15:layout>
                  <c15:dlblFieldTable/>
                  <c15:showDataLabelsRange val="1"/>
                </c:ext>
                <c:ext xmlns:c16="http://schemas.microsoft.com/office/drawing/2014/chart" uri="{C3380CC4-5D6E-409C-BE32-E72D297353CC}">
                  <c16:uniqueId val="{0000000B-BC69-4595-98F2-E30B4B765B00}"/>
                </c:ext>
              </c:extLst>
            </c:dLbl>
            <c:dLbl>
              <c:idx val="5"/>
              <c:layout>
                <c:manualLayout>
                  <c:x val="0"/>
                  <c:y val="2.6666666666666585E-2"/>
                </c:manualLayout>
              </c:layout>
              <c:tx>
                <c:rich>
                  <a:bodyPr/>
                  <a:lstStyle/>
                  <a:p>
                    <a:fld id="{E1C731F0-BAEA-4F0D-B4D2-5C0CA67FA7DE}"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6-BC69-4595-98F2-E30B4B765B00}"/>
                </c:ext>
              </c:extLst>
            </c:dLbl>
            <c:dLbl>
              <c:idx val="6"/>
              <c:layout>
                <c:manualLayout>
                  <c:x val="2.620969807474437E-2"/>
                  <c:y val="0"/>
                </c:manualLayout>
              </c:layout>
              <c:tx>
                <c:rich>
                  <a:bodyPr/>
                  <a:lstStyle/>
                  <a:p>
                    <a:fld id="{E001A4C9-D066-46C5-A564-D3487C769A5A}"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C-BC69-4595-98F2-E30B4B765B00}"/>
                </c:ext>
              </c:extLst>
            </c:dLbl>
            <c:dLbl>
              <c:idx val="7"/>
              <c:layout>
                <c:manualLayout>
                  <c:x val="1.0296667100792431E-2"/>
                  <c:y val="-0.15696972878390206"/>
                </c:manualLayout>
              </c:layout>
              <c:tx>
                <c:rich>
                  <a:bodyPr/>
                  <a:lstStyle/>
                  <a:p>
                    <a:fld id="{BF4E6945-A50A-4209-8A2C-1D3EADE7CDB6}"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D-BC69-4595-98F2-E30B4B765B00}"/>
                </c:ext>
              </c:extLst>
            </c:dLbl>
            <c:dLbl>
              <c:idx val="8"/>
              <c:layout>
                <c:manualLayout>
                  <c:x val="2.8081819365796852E-3"/>
                  <c:y val="-0.04"/>
                </c:manualLayout>
              </c:layout>
              <c:tx>
                <c:rich>
                  <a:bodyPr/>
                  <a:lstStyle/>
                  <a:p>
                    <a:fld id="{3C8B0B5B-C73D-4A20-AEA6-B25947EAF761}"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E-BC69-4595-98F2-E30B4B765B00}"/>
                </c:ext>
              </c:extLst>
            </c:dLbl>
            <c:dLbl>
              <c:idx val="9"/>
              <c:layout>
                <c:manualLayout>
                  <c:x val="-8.1437276160812866E-2"/>
                  <c:y val="-5.1111111111111031E-2"/>
                </c:manualLayout>
              </c:layout>
              <c:tx>
                <c:rich>
                  <a:bodyPr/>
                  <a:lstStyle/>
                  <a:p>
                    <a:fld id="{FFB632C1-3D36-41E8-B1C5-7AC6D5ED35CC}"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F-BC69-4595-98F2-E30B4B765B00}"/>
                </c:ext>
              </c:extLst>
            </c:dLbl>
            <c:dLbl>
              <c:idx val="10"/>
              <c:layout>
                <c:manualLayout>
                  <c:x val="-4.8675153567382397E-2"/>
                  <c:y val="6.8080839895013123E-2"/>
                </c:manualLayout>
              </c:layout>
              <c:tx>
                <c:rich>
                  <a:bodyPr/>
                  <a:lstStyle/>
                  <a:p>
                    <a:fld id="{BD5BB9F2-1212-4C95-A550-47B1923502DF}"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9-3D1A-46E9-86F1-F8F0E459E1DC}"/>
                </c:ext>
              </c:extLst>
            </c:dLbl>
            <c:dLbl>
              <c:idx val="11"/>
              <c:tx>
                <c:rich>
                  <a:bodyPr/>
                  <a:lstStyle/>
                  <a:p>
                    <a:fld id="{3504F478-A206-4BC3-A8AE-12484F6D5876}" type="CELLRANGE">
                      <a:rPr lang="en-GB"/>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A-3D1A-46E9-86F1-F8F0E459E1DC}"/>
                </c:ext>
              </c:extLst>
            </c:dLbl>
            <c:dLbl>
              <c:idx val="12"/>
              <c:layout>
                <c:manualLayout>
                  <c:x val="1.2168788391845599E-2"/>
                  <c:y val="-3.5555555555555597E-2"/>
                </c:manualLayout>
              </c:layout>
              <c:tx>
                <c:rich>
                  <a:bodyPr/>
                  <a:lstStyle/>
                  <a:p>
                    <a:fld id="{3D629884-227B-4E8D-989A-FEF520E59745}"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B-3D1A-46E9-86F1-F8F0E459E1DC}"/>
                </c:ext>
              </c:extLst>
            </c:dLbl>
            <c:dLbl>
              <c:idx val="13"/>
              <c:layout>
                <c:manualLayout>
                  <c:x val="1.4976970328425284E-2"/>
                  <c:y val="-2.4444444444444484E-2"/>
                </c:manualLayout>
              </c:layout>
              <c:tx>
                <c:rich>
                  <a:bodyPr/>
                  <a:lstStyle/>
                  <a:p>
                    <a:fld id="{2AE654E1-FB10-4356-BE22-BB449841FA7F}"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C-3D1A-46E9-86F1-F8F0E459E1DC}"/>
                </c:ext>
              </c:extLst>
            </c:dLbl>
            <c:dLbl>
              <c:idx val="14"/>
              <c:layout>
                <c:manualLayout>
                  <c:x val="-7.1140609060020468E-2"/>
                  <c:y val="-4.4444444444444446E-2"/>
                </c:manualLayout>
              </c:layout>
              <c:tx>
                <c:rich>
                  <a:bodyPr/>
                  <a:lstStyle/>
                  <a:p>
                    <a:fld id="{55A6109E-FFBD-4977-A466-0AD2663BAB9A}"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D-3D1A-46E9-86F1-F8F0E459E1DC}"/>
                </c:ext>
              </c:extLst>
            </c:dLbl>
            <c:dLbl>
              <c:idx val="15"/>
              <c:layout>
                <c:manualLayout>
                  <c:x val="-7.0204548414493848E-2"/>
                  <c:y val="4.2222222222222223E-2"/>
                </c:manualLayout>
              </c:layout>
              <c:tx>
                <c:rich>
                  <a:bodyPr/>
                  <a:lstStyle/>
                  <a:p>
                    <a:fld id="{FCF80B2A-9D83-453A-82A1-BD16E8DC53E2}"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E-3D1A-46E9-86F1-F8F0E459E1DC}"/>
                </c:ext>
              </c:extLst>
            </c:dLbl>
            <c:dLbl>
              <c:idx val="16"/>
              <c:layout>
                <c:manualLayout>
                  <c:x val="-4.4930910985276129E-2"/>
                  <c:y val="3.3535433070866143E-2"/>
                </c:manualLayout>
              </c:layout>
              <c:tx>
                <c:rich>
                  <a:bodyPr/>
                  <a:lstStyle/>
                  <a:p>
                    <a:fld id="{9C8DED61-5A68-4841-8AAE-93E13401F790}"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F-3D1A-46E9-86F1-F8F0E459E1DC}"/>
                </c:ext>
              </c:extLst>
            </c:dLbl>
            <c:dLbl>
              <c:idx val="17"/>
              <c:layout>
                <c:manualLayout>
                  <c:x val="-3.7442425821063384E-3"/>
                  <c:y val="-3.1111111111111193E-2"/>
                </c:manualLayout>
              </c:layout>
              <c:tx>
                <c:rich>
                  <a:bodyPr/>
                  <a:lstStyle/>
                  <a:p>
                    <a:fld id="{57ACA103-FEBB-40C4-A2A1-68385C9849D7}"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0-3D1A-46E9-86F1-F8F0E459E1DC}"/>
                </c:ext>
              </c:extLst>
            </c:dLbl>
            <c:dLbl>
              <c:idx val="18"/>
              <c:layout>
                <c:manualLayout>
                  <c:x val="2.1529394847111447E-2"/>
                  <c:y val="5.7777777777777775E-2"/>
                </c:manualLayout>
              </c:layout>
              <c:tx>
                <c:rich>
                  <a:bodyPr/>
                  <a:lstStyle/>
                  <a:p>
                    <a:fld id="{71C8A416-44DA-4EC0-B80C-B95BB486860C}"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1-3D1A-46E9-86F1-F8F0E459E1DC}"/>
                </c:ext>
              </c:extLst>
            </c:dLbl>
            <c:dLbl>
              <c:idx val="19"/>
              <c:layout>
                <c:manualLayout>
                  <c:x val="1.4976970328425354E-2"/>
                  <c:y val="-2.6666666666666707E-2"/>
                </c:manualLayout>
              </c:layout>
              <c:tx>
                <c:rich>
                  <a:bodyPr/>
                  <a:lstStyle/>
                  <a:p>
                    <a:fld id="{A720C8BD-35A0-411D-A90B-2DDFBBECD058}"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2-3D1A-46E9-86F1-F8F0E459E1DC}"/>
                </c:ext>
              </c:extLst>
            </c:dLbl>
            <c:dLbl>
              <c:idx val="20"/>
              <c:layout>
                <c:manualLayout>
                  <c:x val="-0.10764697423555723"/>
                  <c:y val="-9.0505062022437022E-2"/>
                </c:manualLayout>
              </c:layout>
              <c:tx>
                <c:rich>
                  <a:bodyPr/>
                  <a:lstStyle/>
                  <a:p>
                    <a:fld id="{A527C727-90D4-40F3-9001-92A293CB156C}"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3-3D1A-46E9-86F1-F8F0E459E1DC}"/>
                </c:ext>
              </c:extLst>
            </c:dLbl>
            <c:dLbl>
              <c:idx val="21"/>
              <c:layout>
                <c:manualLayout>
                  <c:x val="1.4976970328425319E-2"/>
                  <c:y val="-5.1111111111111114E-2"/>
                </c:manualLayout>
              </c:layout>
              <c:tx>
                <c:rich>
                  <a:bodyPr/>
                  <a:lstStyle/>
                  <a:p>
                    <a:fld id="{3B61E7C9-2FDF-4F78-9005-8670E1A68EAC}"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4-3D1A-46E9-86F1-F8F0E459E1DC}"/>
                </c:ext>
              </c:extLst>
            </c:dLbl>
            <c:dLbl>
              <c:idx val="22"/>
              <c:layout>
                <c:manualLayout>
                  <c:x val="-7.2076669705547033E-2"/>
                  <c:y val="-8.2222222222222224E-2"/>
                </c:manualLayout>
              </c:layout>
              <c:tx>
                <c:rich>
                  <a:bodyPr/>
                  <a:lstStyle/>
                  <a:p>
                    <a:fld id="{5616F7E9-42A8-4903-993C-54A234A4E801}"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5-3D1A-46E9-86F1-F8F0E459E1DC}"/>
                </c:ext>
              </c:extLst>
            </c:dLbl>
            <c:dLbl>
              <c:idx val="23"/>
              <c:layout>
                <c:manualLayout>
                  <c:x val="-6.5524245186860924E-2"/>
                  <c:y val="-0.06"/>
                </c:manualLayout>
              </c:layout>
              <c:tx>
                <c:rich>
                  <a:bodyPr/>
                  <a:lstStyle/>
                  <a:p>
                    <a:fld id="{4372BD68-46A8-4251-A00F-663F74855671}"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6-3D1A-46E9-86F1-F8F0E459E1DC}"/>
                </c:ext>
              </c:extLst>
            </c:dLbl>
            <c:dLbl>
              <c:idx val="2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7-3D1A-46E9-86F1-F8F0E459E1DC}"/>
                </c:ext>
              </c:extLst>
            </c:dLbl>
            <c:dLbl>
              <c:idx val="2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8-3D1A-46E9-86F1-F8F0E459E1DC}"/>
                </c:ext>
              </c:extLst>
            </c:dLbl>
            <c:dLbl>
              <c:idx val="2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9-3D1A-46E9-86F1-F8F0E459E1DC}"/>
                </c:ext>
              </c:extLst>
            </c:dLbl>
            <c:dLbl>
              <c:idx val="2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A-3D1A-46E9-86F1-F8F0E459E1DC}"/>
                </c:ext>
              </c:extLst>
            </c:dLbl>
            <c:dLbl>
              <c:idx val="2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B-3D1A-46E9-86F1-F8F0E459E1DC}"/>
                </c:ext>
              </c:extLst>
            </c:dLbl>
            <c:dLbl>
              <c:idx val="2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C-3D1A-46E9-86F1-F8F0E459E1DC}"/>
                </c:ext>
              </c:extLst>
            </c:dLbl>
            <c:dLbl>
              <c:idx val="3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D-3D1A-46E9-86F1-F8F0E459E1DC}"/>
                </c:ext>
              </c:extLst>
            </c:dLbl>
            <c:dLbl>
              <c:idx val="3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E-3D1A-46E9-86F1-F8F0E459E1DC}"/>
                </c:ext>
              </c:extLst>
            </c:dLbl>
            <c:dLbl>
              <c:idx val="3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F-3D1A-46E9-86F1-F8F0E459E1DC}"/>
                </c:ext>
              </c:extLst>
            </c:dLbl>
            <c:dLbl>
              <c:idx val="3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0-3D1A-46E9-86F1-F8F0E459E1DC}"/>
                </c:ext>
              </c:extLst>
            </c:dLbl>
            <c:dLbl>
              <c:idx val="3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1-3D1A-46E9-86F1-F8F0E459E1DC}"/>
                </c:ext>
              </c:extLst>
            </c:dLbl>
            <c:dLbl>
              <c:idx val="3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2-3D1A-46E9-86F1-F8F0E459E1DC}"/>
                </c:ext>
              </c:extLst>
            </c:dLbl>
            <c:dLbl>
              <c:idx val="3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3-3D1A-46E9-86F1-F8F0E459E1DC}"/>
                </c:ext>
              </c:extLst>
            </c:dLbl>
            <c:dLbl>
              <c:idx val="3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4-3D1A-46E9-86F1-F8F0E459E1DC}"/>
                </c:ext>
              </c:extLst>
            </c:dLbl>
            <c:dLbl>
              <c:idx val="3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5-3D1A-46E9-86F1-F8F0E459E1DC}"/>
                </c:ext>
              </c:extLst>
            </c:dLbl>
            <c:dLbl>
              <c:idx val="3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6-3D1A-46E9-86F1-F8F0E459E1DC}"/>
                </c:ext>
              </c:extLst>
            </c:dLbl>
            <c:dLbl>
              <c:idx val="4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7-3D1A-46E9-86F1-F8F0E459E1DC}"/>
                </c:ext>
              </c:extLst>
            </c:dLbl>
            <c:dLbl>
              <c:idx val="4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8-3D1A-46E9-86F1-F8F0E459E1DC}"/>
                </c:ext>
              </c:extLst>
            </c:dLbl>
            <c:dLbl>
              <c:idx val="4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9-3D1A-46E9-86F1-F8F0E459E1DC}"/>
                </c:ext>
              </c:extLst>
            </c:dLbl>
            <c:dLbl>
              <c:idx val="4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A-3D1A-46E9-86F1-F8F0E459E1DC}"/>
                </c:ext>
              </c:extLst>
            </c:dLbl>
            <c:dLbl>
              <c:idx val="4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B-3D1A-46E9-86F1-F8F0E459E1DC}"/>
                </c:ext>
              </c:extLst>
            </c:dLbl>
            <c:dLbl>
              <c:idx val="4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C-3D1A-46E9-86F1-F8F0E459E1DC}"/>
                </c:ext>
              </c:extLst>
            </c:dLbl>
            <c:dLbl>
              <c:idx val="4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D-3D1A-46E9-86F1-F8F0E459E1DC}"/>
                </c:ext>
              </c:extLst>
            </c:dLbl>
            <c:dLbl>
              <c:idx val="4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E-3D1A-46E9-86F1-F8F0E459E1DC}"/>
                </c:ext>
              </c:extLst>
            </c:dLbl>
            <c:dLbl>
              <c:idx val="4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F-3D1A-46E9-86F1-F8F0E459E1DC}"/>
                </c:ext>
              </c:extLst>
            </c:dLbl>
            <c:dLbl>
              <c:idx val="4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0-3D1A-46E9-86F1-F8F0E459E1DC}"/>
                </c:ext>
              </c:extLst>
            </c:dLbl>
            <c:dLbl>
              <c:idx val="5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1-3D1A-46E9-86F1-F8F0E459E1DC}"/>
                </c:ext>
              </c:extLst>
            </c:dLbl>
            <c:dLbl>
              <c:idx val="5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2-3D1A-46E9-86F1-F8F0E459E1DC}"/>
                </c:ext>
              </c:extLst>
            </c:dLbl>
            <c:dLbl>
              <c:idx val="5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3-3D1A-46E9-86F1-F8F0E459E1DC}"/>
                </c:ext>
              </c:extLst>
            </c:dLbl>
            <c:dLbl>
              <c:idx val="5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4-3D1A-46E9-86F1-F8F0E459E1DC}"/>
                </c:ext>
              </c:extLst>
            </c:dLbl>
            <c:dLbl>
              <c:idx val="5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5-3D1A-46E9-86F1-F8F0E459E1DC}"/>
                </c:ext>
              </c:extLst>
            </c:dLbl>
            <c:dLbl>
              <c:idx val="5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6-3D1A-46E9-86F1-F8F0E459E1DC}"/>
                </c:ext>
              </c:extLst>
            </c:dLbl>
            <c:dLbl>
              <c:idx val="5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7-3D1A-46E9-86F1-F8F0E459E1DC}"/>
                </c:ext>
              </c:extLst>
            </c:dLbl>
            <c:dLbl>
              <c:idx val="5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8-3D1A-46E9-86F1-F8F0E459E1DC}"/>
                </c:ext>
              </c:extLst>
            </c:dLbl>
            <c:dLbl>
              <c:idx val="5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9-3D1A-46E9-86F1-F8F0E459E1DC}"/>
                </c:ext>
              </c:extLst>
            </c:dLbl>
            <c:dLbl>
              <c:idx val="5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A-3D1A-46E9-86F1-F8F0E459E1DC}"/>
                </c:ext>
              </c:extLst>
            </c:dLbl>
            <c:dLbl>
              <c:idx val="6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B-3D1A-46E9-86F1-F8F0E459E1DC}"/>
                </c:ext>
              </c:extLst>
            </c:dLbl>
            <c:dLbl>
              <c:idx val="6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C-3D1A-46E9-86F1-F8F0E459E1DC}"/>
                </c:ext>
              </c:extLst>
            </c:dLbl>
            <c:dLbl>
              <c:idx val="6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D-3D1A-46E9-86F1-F8F0E459E1DC}"/>
                </c:ext>
              </c:extLst>
            </c:dLbl>
            <c:dLbl>
              <c:idx val="6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E-3D1A-46E9-86F1-F8F0E459E1DC}"/>
                </c:ext>
              </c:extLst>
            </c:dLbl>
            <c:dLbl>
              <c:idx val="6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F-3D1A-46E9-86F1-F8F0E459E1DC}"/>
                </c:ext>
              </c:extLst>
            </c:dLbl>
            <c:dLbl>
              <c:idx val="6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0-3D1A-46E9-86F1-F8F0E459E1DC}"/>
                </c:ext>
              </c:extLst>
            </c:dLbl>
            <c:dLbl>
              <c:idx val="6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1-3D1A-46E9-86F1-F8F0E459E1DC}"/>
                </c:ext>
              </c:extLst>
            </c:dLbl>
            <c:dLbl>
              <c:idx val="6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2-3D1A-46E9-86F1-F8F0E459E1DC}"/>
                </c:ext>
              </c:extLst>
            </c:dLbl>
            <c:dLbl>
              <c:idx val="6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3-3D1A-46E9-86F1-F8F0E459E1DC}"/>
                </c:ext>
              </c:extLst>
            </c:dLbl>
            <c:dLbl>
              <c:idx val="6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4-3D1A-46E9-86F1-F8F0E459E1DC}"/>
                </c:ext>
              </c:extLst>
            </c:dLbl>
            <c:dLbl>
              <c:idx val="7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5-3D1A-46E9-86F1-F8F0E459E1DC}"/>
                </c:ext>
              </c:extLst>
            </c:dLbl>
            <c:dLbl>
              <c:idx val="7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6-3D1A-46E9-86F1-F8F0E459E1DC}"/>
                </c:ext>
              </c:extLst>
            </c:dLbl>
            <c:dLbl>
              <c:idx val="7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7-3D1A-46E9-86F1-F8F0E459E1DC}"/>
                </c:ext>
              </c:extLst>
            </c:dLbl>
            <c:dLbl>
              <c:idx val="7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8-3D1A-46E9-86F1-F8F0E459E1DC}"/>
                </c:ext>
              </c:extLst>
            </c:dLbl>
            <c:dLbl>
              <c:idx val="7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9-3D1A-46E9-86F1-F8F0E459E1DC}"/>
                </c:ext>
              </c:extLst>
            </c:dLbl>
            <c:dLbl>
              <c:idx val="7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A-3D1A-46E9-86F1-F8F0E459E1DC}"/>
                </c:ext>
              </c:extLst>
            </c:dLbl>
            <c:dLbl>
              <c:idx val="7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B-3D1A-46E9-86F1-F8F0E459E1DC}"/>
                </c:ext>
              </c:extLst>
            </c:dLbl>
            <c:dLbl>
              <c:idx val="7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C-3D1A-46E9-86F1-F8F0E459E1DC}"/>
                </c:ext>
              </c:extLst>
            </c:dLbl>
            <c:dLbl>
              <c:idx val="7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D-3D1A-46E9-86F1-F8F0E459E1DC}"/>
                </c:ext>
              </c:extLst>
            </c:dLbl>
            <c:dLbl>
              <c:idx val="7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E-3D1A-46E9-86F1-F8F0E459E1DC}"/>
                </c:ext>
              </c:extLst>
            </c:dLbl>
            <c:dLbl>
              <c:idx val="8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F-3D1A-46E9-86F1-F8F0E459E1DC}"/>
                </c:ext>
              </c:extLst>
            </c:dLbl>
            <c:dLbl>
              <c:idx val="8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0-3D1A-46E9-86F1-F8F0E459E1DC}"/>
                </c:ext>
              </c:extLst>
            </c:dLbl>
            <c:dLbl>
              <c:idx val="8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1-3D1A-46E9-86F1-F8F0E459E1DC}"/>
                </c:ext>
              </c:extLst>
            </c:dLbl>
            <c:dLbl>
              <c:idx val="8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2-3D1A-46E9-86F1-F8F0E459E1DC}"/>
                </c:ext>
              </c:extLst>
            </c:dLbl>
            <c:dLbl>
              <c:idx val="8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3-3D1A-46E9-86F1-F8F0E459E1DC}"/>
                </c:ext>
              </c:extLst>
            </c:dLbl>
            <c:dLbl>
              <c:idx val="8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4-3D1A-46E9-86F1-F8F0E459E1DC}"/>
                </c:ext>
              </c:extLst>
            </c:dLbl>
            <c:dLbl>
              <c:idx val="8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5-3D1A-46E9-86F1-F8F0E459E1DC}"/>
                </c:ext>
              </c:extLst>
            </c:dLbl>
            <c:dLbl>
              <c:idx val="8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6-3D1A-46E9-86F1-F8F0E459E1DC}"/>
                </c:ext>
              </c:extLst>
            </c:dLbl>
            <c:dLbl>
              <c:idx val="8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7-3D1A-46E9-86F1-F8F0E459E1DC}"/>
                </c:ext>
              </c:extLst>
            </c:dLbl>
            <c:dLbl>
              <c:idx val="8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8-3D1A-46E9-86F1-F8F0E459E1DC}"/>
                </c:ext>
              </c:extLst>
            </c:dLbl>
            <c:dLbl>
              <c:idx val="9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9-3D1A-46E9-86F1-F8F0E459E1DC}"/>
                </c:ext>
              </c:extLst>
            </c:dLbl>
            <c:dLbl>
              <c:idx val="9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A-3D1A-46E9-86F1-F8F0E459E1DC}"/>
                </c:ext>
              </c:extLst>
            </c:dLbl>
            <c:dLbl>
              <c:idx val="9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B-3D1A-46E9-86F1-F8F0E459E1DC}"/>
                </c:ext>
              </c:extLst>
            </c:dLbl>
            <c:dLbl>
              <c:idx val="9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C-3D1A-46E9-86F1-F8F0E459E1DC}"/>
                </c:ext>
              </c:extLst>
            </c:dLbl>
            <c:dLbl>
              <c:idx val="9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D-3D1A-46E9-86F1-F8F0E459E1DC}"/>
                </c:ext>
              </c:extLst>
            </c:dLbl>
            <c:dLbl>
              <c:idx val="9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E-3D1A-46E9-86F1-F8F0E459E1DC}"/>
                </c:ext>
              </c:extLst>
            </c:dLbl>
            <c:dLbl>
              <c:idx val="9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F-3D1A-46E9-86F1-F8F0E459E1DC}"/>
                </c:ext>
              </c:extLst>
            </c:dLbl>
            <c:dLbl>
              <c:idx val="9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0-3D1A-46E9-86F1-F8F0E459E1DC}"/>
                </c:ext>
              </c:extLst>
            </c:dLbl>
            <c:dLbl>
              <c:idx val="9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1-3D1A-46E9-86F1-F8F0E459E1DC}"/>
                </c:ext>
              </c:extLst>
            </c:dLbl>
            <c:dLbl>
              <c:idx val="9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2-3D1A-46E9-86F1-F8F0E459E1DC}"/>
                </c:ext>
              </c:extLst>
            </c:dLbl>
            <c:dLbl>
              <c:idx val="10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3-3D1A-46E9-86F1-F8F0E459E1DC}"/>
                </c:ext>
              </c:extLst>
            </c:dLbl>
            <c:dLbl>
              <c:idx val="10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4-3D1A-46E9-86F1-F8F0E459E1DC}"/>
                </c:ext>
              </c:extLst>
            </c:dLbl>
            <c:dLbl>
              <c:idx val="10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5-3D1A-46E9-86F1-F8F0E459E1DC}"/>
                </c:ext>
              </c:extLst>
            </c:dLbl>
            <c:dLbl>
              <c:idx val="10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6-3D1A-46E9-86F1-F8F0E459E1DC}"/>
                </c:ext>
              </c:extLst>
            </c:dLbl>
            <c:dLbl>
              <c:idx val="10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7-3D1A-46E9-86F1-F8F0E459E1DC}"/>
                </c:ext>
              </c:extLst>
            </c:dLbl>
            <c:dLbl>
              <c:idx val="10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8-3D1A-46E9-86F1-F8F0E459E1DC}"/>
                </c:ext>
              </c:extLst>
            </c:dLbl>
            <c:dLbl>
              <c:idx val="10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9-3D1A-46E9-86F1-F8F0E459E1DC}"/>
                </c:ext>
              </c:extLst>
            </c:dLbl>
            <c:dLbl>
              <c:idx val="10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A-3D1A-46E9-86F1-F8F0E459E1DC}"/>
                </c:ext>
              </c:extLst>
            </c:dLbl>
            <c:dLbl>
              <c:idx val="10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B-3D1A-46E9-86F1-F8F0E459E1DC}"/>
                </c:ext>
              </c:extLst>
            </c:dLbl>
            <c:dLbl>
              <c:idx val="10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C-3D1A-46E9-86F1-F8F0E459E1DC}"/>
                </c:ext>
              </c:extLst>
            </c:dLbl>
            <c:dLbl>
              <c:idx val="11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D-3D1A-46E9-86F1-F8F0E459E1DC}"/>
                </c:ext>
              </c:extLst>
            </c:dLbl>
            <c:dLbl>
              <c:idx val="11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E-3D1A-46E9-86F1-F8F0E459E1DC}"/>
                </c:ext>
              </c:extLst>
            </c:dLbl>
            <c:dLbl>
              <c:idx val="11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F-3D1A-46E9-86F1-F8F0E459E1DC}"/>
                </c:ext>
              </c:extLst>
            </c:dLbl>
            <c:dLbl>
              <c:idx val="11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0-3D1A-46E9-86F1-F8F0E459E1DC}"/>
                </c:ext>
              </c:extLst>
            </c:dLbl>
            <c:dLbl>
              <c:idx val="11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1-3D1A-46E9-86F1-F8F0E459E1DC}"/>
                </c:ext>
              </c:extLst>
            </c:dLbl>
            <c:dLbl>
              <c:idx val="11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2-3D1A-46E9-86F1-F8F0E459E1DC}"/>
                </c:ext>
              </c:extLst>
            </c:dLbl>
            <c:dLbl>
              <c:idx val="11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3-3D1A-46E9-86F1-F8F0E459E1DC}"/>
                </c:ext>
              </c:extLst>
            </c:dLbl>
            <c:dLbl>
              <c:idx val="11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4-3D1A-46E9-86F1-F8F0E459E1DC}"/>
                </c:ext>
              </c:extLst>
            </c:dLbl>
            <c:dLbl>
              <c:idx val="11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5-3D1A-46E9-86F1-F8F0E459E1DC}"/>
                </c:ext>
              </c:extLst>
            </c:dLbl>
            <c:dLbl>
              <c:idx val="11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6-3D1A-46E9-86F1-F8F0E459E1DC}"/>
                </c:ext>
              </c:extLst>
            </c:dLbl>
            <c:dLbl>
              <c:idx val="12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7-3D1A-46E9-86F1-F8F0E459E1DC}"/>
                </c:ext>
              </c:extLst>
            </c:dLbl>
            <c:dLbl>
              <c:idx val="12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8-3D1A-46E9-86F1-F8F0E459E1DC}"/>
                </c:ext>
              </c:extLst>
            </c:dLbl>
            <c:dLbl>
              <c:idx val="12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9-3D1A-46E9-86F1-F8F0E459E1DC}"/>
                </c:ext>
              </c:extLst>
            </c:dLbl>
            <c:dLbl>
              <c:idx val="12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A-3D1A-46E9-86F1-F8F0E459E1DC}"/>
                </c:ext>
              </c:extLst>
            </c:dLbl>
            <c:dLbl>
              <c:idx val="12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B-3D1A-46E9-86F1-F8F0E459E1DC}"/>
                </c:ext>
              </c:extLst>
            </c:dLbl>
            <c:dLbl>
              <c:idx val="12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C-3D1A-46E9-86F1-F8F0E459E1DC}"/>
                </c:ext>
              </c:extLst>
            </c:dLbl>
            <c:dLbl>
              <c:idx val="12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D-3D1A-46E9-86F1-F8F0E459E1DC}"/>
                </c:ext>
              </c:extLst>
            </c:dLbl>
            <c:dLbl>
              <c:idx val="12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E-3D1A-46E9-86F1-F8F0E459E1DC}"/>
                </c:ext>
              </c:extLst>
            </c:dLbl>
            <c:dLbl>
              <c:idx val="12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F-3D1A-46E9-86F1-F8F0E459E1DC}"/>
                </c:ext>
              </c:extLst>
            </c:dLbl>
            <c:dLbl>
              <c:idx val="12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0-3D1A-46E9-86F1-F8F0E459E1DC}"/>
                </c:ext>
              </c:extLst>
            </c:dLbl>
            <c:dLbl>
              <c:idx val="13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1-3D1A-46E9-86F1-F8F0E459E1DC}"/>
                </c:ext>
              </c:extLst>
            </c:dLbl>
            <c:dLbl>
              <c:idx val="13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2-3D1A-46E9-86F1-F8F0E459E1DC}"/>
                </c:ext>
              </c:extLst>
            </c:dLbl>
            <c:dLbl>
              <c:idx val="13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3-3D1A-46E9-86F1-F8F0E459E1DC}"/>
                </c:ext>
              </c:extLst>
            </c:dLbl>
            <c:dLbl>
              <c:idx val="13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4-3D1A-46E9-86F1-F8F0E459E1DC}"/>
                </c:ext>
              </c:extLst>
            </c:dLbl>
            <c:dLbl>
              <c:idx val="13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5-3D1A-46E9-86F1-F8F0E459E1DC}"/>
                </c:ext>
              </c:extLst>
            </c:dLbl>
            <c:dLbl>
              <c:idx val="13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6-3D1A-46E9-86F1-F8F0E459E1DC}"/>
                </c:ext>
              </c:extLst>
            </c:dLbl>
            <c:dLbl>
              <c:idx val="13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7-3D1A-46E9-86F1-F8F0E459E1DC}"/>
                </c:ext>
              </c:extLst>
            </c:dLbl>
            <c:dLbl>
              <c:idx val="13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8-3D1A-46E9-86F1-F8F0E459E1DC}"/>
                </c:ext>
              </c:extLst>
            </c:dLbl>
            <c:dLbl>
              <c:idx val="13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9-3D1A-46E9-86F1-F8F0E459E1DC}"/>
                </c:ext>
              </c:extLst>
            </c:dLbl>
            <c:dLbl>
              <c:idx val="13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A-3D1A-46E9-86F1-F8F0E459E1DC}"/>
                </c:ext>
              </c:extLst>
            </c:dLbl>
            <c:dLbl>
              <c:idx val="14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B-3D1A-46E9-86F1-F8F0E459E1DC}"/>
                </c:ext>
              </c:extLst>
            </c:dLbl>
            <c:dLbl>
              <c:idx val="14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C-3D1A-46E9-86F1-F8F0E459E1DC}"/>
                </c:ext>
              </c:extLst>
            </c:dLbl>
            <c:dLbl>
              <c:idx val="14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D-3D1A-46E9-86F1-F8F0E459E1DC}"/>
                </c:ext>
              </c:extLst>
            </c:dLbl>
            <c:dLbl>
              <c:idx val="14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E-3D1A-46E9-86F1-F8F0E459E1DC}"/>
                </c:ext>
              </c:extLst>
            </c:dLbl>
            <c:dLbl>
              <c:idx val="14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F-3D1A-46E9-86F1-F8F0E459E1DC}"/>
                </c:ext>
              </c:extLst>
            </c:dLbl>
            <c:dLbl>
              <c:idx val="14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0-3D1A-46E9-86F1-F8F0E459E1DC}"/>
                </c:ext>
              </c:extLst>
            </c:dLbl>
            <c:dLbl>
              <c:idx val="14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1-3D1A-46E9-86F1-F8F0E459E1DC}"/>
                </c:ext>
              </c:extLst>
            </c:dLbl>
            <c:dLbl>
              <c:idx val="14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2-3D1A-46E9-86F1-F8F0E459E1DC}"/>
                </c:ext>
              </c:extLst>
            </c:dLbl>
            <c:dLbl>
              <c:idx val="14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3-3D1A-46E9-86F1-F8F0E459E1DC}"/>
                </c:ext>
              </c:extLst>
            </c:dLbl>
            <c:dLbl>
              <c:idx val="14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4-3D1A-46E9-86F1-F8F0E459E1DC}"/>
                </c:ext>
              </c:extLst>
            </c:dLbl>
            <c:dLbl>
              <c:idx val="15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5-3D1A-46E9-86F1-F8F0E459E1DC}"/>
                </c:ext>
              </c:extLst>
            </c:dLbl>
            <c:dLbl>
              <c:idx val="15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6-3D1A-46E9-86F1-F8F0E459E1DC}"/>
                </c:ext>
              </c:extLst>
            </c:dLbl>
            <c:dLbl>
              <c:idx val="15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7-3D1A-46E9-86F1-F8F0E459E1DC}"/>
                </c:ext>
              </c:extLst>
            </c:dLbl>
            <c:dLbl>
              <c:idx val="15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8-3D1A-46E9-86F1-F8F0E459E1DC}"/>
                </c:ext>
              </c:extLst>
            </c:dLbl>
            <c:dLbl>
              <c:idx val="15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9-3D1A-46E9-86F1-F8F0E459E1DC}"/>
                </c:ext>
              </c:extLst>
            </c:dLbl>
            <c:dLbl>
              <c:idx val="15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A-3D1A-46E9-86F1-F8F0E459E1DC}"/>
                </c:ext>
              </c:extLst>
            </c:dLbl>
            <c:dLbl>
              <c:idx val="15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B-3D1A-46E9-86F1-F8F0E459E1DC}"/>
                </c:ext>
              </c:extLst>
            </c:dLbl>
            <c:dLbl>
              <c:idx val="15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C-3D1A-46E9-86F1-F8F0E459E1DC}"/>
                </c:ext>
              </c:extLst>
            </c:dLbl>
            <c:dLbl>
              <c:idx val="15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D-3D1A-46E9-86F1-F8F0E459E1DC}"/>
                </c:ext>
              </c:extLst>
            </c:dLbl>
            <c:dLbl>
              <c:idx val="15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E-3D1A-46E9-86F1-F8F0E459E1DC}"/>
                </c:ext>
              </c:extLst>
            </c:dLbl>
            <c:dLbl>
              <c:idx val="16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F-3D1A-46E9-86F1-F8F0E459E1DC}"/>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showLeaderLines val="0"/>
            <c:extLst>
              <c:ext xmlns:c15="http://schemas.microsoft.com/office/drawing/2012/chart" uri="{CE6537A1-D6FC-4f65-9D91-7224C49458BB}">
                <c15:showDataLabelsRange val="1"/>
                <c15:showLeaderLines val="1"/>
                <c15:leaderLines>
                  <c:spPr>
                    <a:ln w="9525" cap="flat" cmpd="sng" algn="ctr">
                      <a:solidFill>
                        <a:schemeClr val="tx1">
                          <a:lumMod val="35000"/>
                          <a:lumOff val="65000"/>
                        </a:schemeClr>
                      </a:solidFill>
                      <a:round/>
                    </a:ln>
                    <a:effectLst/>
                  </c:spPr>
                </c15:leaderLines>
              </c:ext>
            </c:extLst>
          </c:dLbls>
          <c:xVal>
            <c:numRef>
              <c:f>'2. Map and Analyse - Internal '!$H$10:$H$170</c:f>
              <c:numCache>
                <c:formatCode>General</c:formatCode>
                <c:ptCount val="161"/>
                <c:pt idx="0">
                  <c:v>7</c:v>
                </c:pt>
                <c:pt idx="1">
                  <c:v>7</c:v>
                </c:pt>
                <c:pt idx="2">
                  <c:v>9</c:v>
                </c:pt>
                <c:pt idx="3">
                  <c:v>8</c:v>
                </c:pt>
                <c:pt idx="4">
                  <c:v>2</c:v>
                </c:pt>
                <c:pt idx="5">
                  <c:v>7</c:v>
                </c:pt>
                <c:pt idx="6">
                  <c:v>8</c:v>
                </c:pt>
                <c:pt idx="7">
                  <c:v>5</c:v>
                </c:pt>
                <c:pt idx="8">
                  <c:v>8</c:v>
                </c:pt>
                <c:pt idx="9">
                  <c:v>5</c:v>
                </c:pt>
                <c:pt idx="10">
                  <c:v>4</c:v>
                </c:pt>
                <c:pt idx="11">
                  <c:v>4</c:v>
                </c:pt>
                <c:pt idx="12">
                  <c:v>8</c:v>
                </c:pt>
                <c:pt idx="13">
                  <c:v>6</c:v>
                </c:pt>
                <c:pt idx="14">
                  <c:v>3</c:v>
                </c:pt>
                <c:pt idx="15">
                  <c:v>1</c:v>
                </c:pt>
                <c:pt idx="16">
                  <c:v>5</c:v>
                </c:pt>
                <c:pt idx="17">
                  <c:v>6</c:v>
                </c:pt>
                <c:pt idx="18">
                  <c:v>3</c:v>
                </c:pt>
                <c:pt idx="19">
                  <c:v>4</c:v>
                </c:pt>
                <c:pt idx="20">
                  <c:v>3</c:v>
                </c:pt>
                <c:pt idx="21">
                  <c:v>3</c:v>
                </c:pt>
                <c:pt idx="22">
                  <c:v>1</c:v>
                </c:pt>
                <c:pt idx="23">
                  <c:v>2</c:v>
                </c:pt>
              </c:numCache>
            </c:numRef>
          </c:xVal>
          <c:yVal>
            <c:numRef>
              <c:f>'2. Map and Analyse - Internal '!$I$10:$I$170</c:f>
              <c:numCache>
                <c:formatCode>General</c:formatCode>
                <c:ptCount val="161"/>
                <c:pt idx="0">
                  <c:v>7</c:v>
                </c:pt>
                <c:pt idx="1">
                  <c:v>8</c:v>
                </c:pt>
                <c:pt idx="2">
                  <c:v>9</c:v>
                </c:pt>
                <c:pt idx="3">
                  <c:v>8</c:v>
                </c:pt>
                <c:pt idx="4">
                  <c:v>2</c:v>
                </c:pt>
                <c:pt idx="5">
                  <c:v>7</c:v>
                </c:pt>
                <c:pt idx="6">
                  <c:v>7</c:v>
                </c:pt>
                <c:pt idx="7">
                  <c:v>3</c:v>
                </c:pt>
                <c:pt idx="8">
                  <c:v>7</c:v>
                </c:pt>
                <c:pt idx="9">
                  <c:v>4</c:v>
                </c:pt>
                <c:pt idx="10">
                  <c:v>3</c:v>
                </c:pt>
                <c:pt idx="11">
                  <c:v>4</c:v>
                </c:pt>
                <c:pt idx="12">
                  <c:v>8</c:v>
                </c:pt>
                <c:pt idx="13">
                  <c:v>8</c:v>
                </c:pt>
                <c:pt idx="14">
                  <c:v>3</c:v>
                </c:pt>
                <c:pt idx="15">
                  <c:v>1</c:v>
                </c:pt>
                <c:pt idx="16">
                  <c:v>5</c:v>
                </c:pt>
                <c:pt idx="17">
                  <c:v>6</c:v>
                </c:pt>
                <c:pt idx="18">
                  <c:v>4</c:v>
                </c:pt>
                <c:pt idx="19">
                  <c:v>5</c:v>
                </c:pt>
                <c:pt idx="20">
                  <c:v>3</c:v>
                </c:pt>
                <c:pt idx="21">
                  <c:v>2</c:v>
                </c:pt>
                <c:pt idx="22">
                  <c:v>3</c:v>
                </c:pt>
                <c:pt idx="23">
                  <c:v>4</c:v>
                </c:pt>
              </c:numCache>
            </c:numRef>
          </c:yVal>
          <c:smooth val="0"/>
          <c:extLst>
            <c:ext xmlns:c15="http://schemas.microsoft.com/office/drawing/2012/chart" uri="{02D57815-91ED-43cb-92C2-25804820EDAC}">
              <c15:datalabelsRange>
                <c15:f>'2. Map and Analyse - Internal '!$C$10:$C$170</c15:f>
                <c15:dlblRangeCache>
                  <c:ptCount val="161"/>
                  <c:pt idx="0">
                    <c:v>Sustainability and Environment Team</c:v>
                  </c:pt>
                  <c:pt idx="1">
                    <c:v>Energy and Climate Change Team</c:v>
                  </c:pt>
                  <c:pt idx="2">
                    <c:v>Heat Networks/ Low Carbon Heat Lead</c:v>
                  </c:pt>
                  <c:pt idx="3">
                    <c:v>Planning &amp; Development Team</c:v>
                  </c:pt>
                  <c:pt idx="4">
                    <c:v>Highways &amp; Transportation Team</c:v>
                  </c:pt>
                  <c:pt idx="5">
                    <c:v>Asset Management &amp; Regeneration Team</c:v>
                  </c:pt>
                  <c:pt idx="6">
                    <c:v>Council Assets - property</c:v>
                  </c:pt>
                  <c:pt idx="7">
                    <c:v>Parks &amp; Countryside Sevices</c:v>
                  </c:pt>
                  <c:pt idx="8">
                    <c:v>Council Assets - estates</c:v>
                  </c:pt>
                  <c:pt idx="9">
                    <c:v>Community Hubs, Welfare &amp; Business Dev</c:v>
                  </c:pt>
                  <c:pt idx="10">
                    <c:v>Safer Stronger Communities</c:v>
                  </c:pt>
                  <c:pt idx="11">
                    <c:v>Civic Enterprise </c:v>
                  </c:pt>
                  <c:pt idx="12">
                    <c:v>Local councillor</c:v>
                  </c:pt>
                  <c:pt idx="13">
                    <c:v>MSP</c:v>
                  </c:pt>
                  <c:pt idx="14">
                    <c:v>HSE Team</c:v>
                  </c:pt>
                  <c:pt idx="15">
                    <c:v>Human Resources</c:v>
                  </c:pt>
                  <c:pt idx="16">
                    <c:v>EDI Committee</c:v>
                  </c:pt>
                  <c:pt idx="17">
                    <c:v>Business &amp; Place Team</c:v>
                  </c:pt>
                  <c:pt idx="18">
                    <c:v>Partnerships &amp; Funding Team</c:v>
                  </c:pt>
                  <c:pt idx="19">
                    <c:v>Legal Services</c:v>
                  </c:pt>
                  <c:pt idx="20">
                    <c:v>Digital &amp; Information Service</c:v>
                  </c:pt>
                  <c:pt idx="21">
                    <c:v>IT Support</c:v>
                  </c:pt>
                  <c:pt idx="22">
                    <c:v>Financial Services</c:v>
                  </c:pt>
                  <c:pt idx="23">
                    <c:v>Procurement Services</c:v>
                  </c:pt>
                </c15:dlblRangeCache>
              </c15:datalabelsRange>
            </c:ext>
            <c:ext xmlns:c16="http://schemas.microsoft.com/office/drawing/2014/chart" uri="{C3380CC4-5D6E-409C-BE32-E72D297353CC}">
              <c16:uniqueId val="{00000000-BC69-4595-98F2-E30B4B765B00}"/>
            </c:ext>
          </c:extLst>
        </c:ser>
        <c:ser>
          <c:idx val="5"/>
          <c:order val="1"/>
          <c:tx>
            <c:strRef>
              <c:f>'2. Map and Analyse - Internal '!$AW$2</c:f>
              <c:strCache>
                <c:ptCount val="1"/>
                <c:pt idx="0">
                  <c:v>Quadrants</c:v>
                </c:pt>
              </c:strCache>
            </c:strRef>
          </c:tx>
          <c:spPr>
            <a:ln w="25400" cap="rnd">
              <a:noFill/>
              <a:round/>
            </a:ln>
            <a:effectLst/>
          </c:spPr>
          <c:marker>
            <c:symbol val="circle"/>
            <c:size val="5"/>
            <c:spPr>
              <a:noFill/>
              <a:ln w="9525">
                <a:noFill/>
              </a:ln>
              <a:effectLst/>
            </c:spPr>
          </c:marker>
          <c:errBars>
            <c:errDir val="x"/>
            <c:errBarType val="both"/>
            <c:errValType val="percentage"/>
            <c:noEndCap val="1"/>
            <c:val val="100"/>
            <c:spPr>
              <a:noFill/>
              <a:ln w="9525" cap="flat" cmpd="sng" algn="ctr">
                <a:solidFill>
                  <a:schemeClr val="tx1">
                    <a:lumMod val="65000"/>
                    <a:lumOff val="35000"/>
                  </a:schemeClr>
                </a:solidFill>
                <a:round/>
                <a:headEnd type="none"/>
                <a:tailEnd type="triangle"/>
              </a:ln>
              <a:effectLst/>
            </c:spPr>
          </c:errBars>
          <c:errBars>
            <c:errDir val="y"/>
            <c:errBarType val="both"/>
            <c:errValType val="percentage"/>
            <c:noEndCap val="1"/>
            <c:val val="100"/>
            <c:spPr>
              <a:noFill/>
              <a:ln w="9525" cap="flat" cmpd="sng" algn="ctr">
                <a:solidFill>
                  <a:schemeClr val="tx1">
                    <a:lumMod val="65000"/>
                    <a:lumOff val="35000"/>
                  </a:schemeClr>
                </a:solidFill>
                <a:round/>
                <a:tailEnd type="triangle"/>
              </a:ln>
              <a:effectLst/>
            </c:spPr>
          </c:errBars>
          <c:xVal>
            <c:numRef>
              <c:f>'2. Map and Analyse - Internal '!$AX$2</c:f>
              <c:numCache>
                <c:formatCode>General</c:formatCode>
                <c:ptCount val="1"/>
                <c:pt idx="0">
                  <c:v>5</c:v>
                </c:pt>
              </c:numCache>
            </c:numRef>
          </c:xVal>
          <c:yVal>
            <c:numRef>
              <c:f>'2. Map and Analyse - Internal '!$AY$2</c:f>
              <c:numCache>
                <c:formatCode>General</c:formatCode>
                <c:ptCount val="1"/>
                <c:pt idx="0">
                  <c:v>5</c:v>
                </c:pt>
              </c:numCache>
            </c:numRef>
          </c:yVal>
          <c:smooth val="0"/>
          <c:extLst>
            <c:ext xmlns:c16="http://schemas.microsoft.com/office/drawing/2014/chart" uri="{C3380CC4-5D6E-409C-BE32-E72D297353CC}">
              <c16:uniqueId val="{00000005-BC69-4595-98F2-E30B4B765B00}"/>
            </c:ext>
          </c:extLst>
        </c:ser>
        <c:dLbls>
          <c:showLegendKey val="0"/>
          <c:showVal val="0"/>
          <c:showCatName val="0"/>
          <c:showSerName val="0"/>
          <c:showPercent val="0"/>
          <c:showBubbleSize val="0"/>
        </c:dLbls>
        <c:axId val="1050132911"/>
        <c:axId val="1050134159"/>
      </c:scatterChart>
      <c:valAx>
        <c:axId val="1050132911"/>
        <c:scaling>
          <c:orientation val="minMax"/>
          <c:max val="10"/>
        </c:scaling>
        <c:delete val="0"/>
        <c:axPos val="b"/>
        <c:majorGridlines>
          <c:spPr>
            <a:ln w="9525" cap="flat" cmpd="sng" algn="ctr">
              <a:no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Level of Interest</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50134159"/>
        <c:crosses val="autoZero"/>
        <c:crossBetween val="midCat"/>
      </c:valAx>
      <c:valAx>
        <c:axId val="1050134159"/>
        <c:scaling>
          <c:orientation val="minMax"/>
          <c:max val="10"/>
        </c:scaling>
        <c:delete val="0"/>
        <c:axPos val="l"/>
        <c:majorGridlines>
          <c:spPr>
            <a:ln w="9525" cap="flat" cmpd="sng" algn="ctr">
              <a:solidFill>
                <a:schemeClr val="bg1"/>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Level of Influence</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50132911"/>
        <c:crosses val="autoZero"/>
        <c:crossBetween val="midCat"/>
      </c:valAx>
      <c:spPr>
        <a:noFill/>
        <a:ln w="6350">
          <a:solidFill>
            <a:schemeClr val="tx1"/>
          </a:solid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800"/>
              <a:t>Influence / Interest Matrix</a:t>
            </a:r>
          </a:p>
        </c:rich>
      </c:tx>
      <c:layout>
        <c:manualLayout>
          <c:xMode val="edge"/>
          <c:yMode val="edge"/>
          <c:x val="0.41345838820067404"/>
          <c:y val="2.0960307957132239E-2"/>
        </c:manualLayout>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4.8275616415788883E-2"/>
          <c:y val="0.12328164687894738"/>
          <c:w val="0.90182116173101101"/>
          <c:h val="0.77982991432870297"/>
        </c:manualLayout>
      </c:layout>
      <c:scatterChart>
        <c:scatterStyle val="lineMarker"/>
        <c:varyColors val="0"/>
        <c:ser>
          <c:idx val="0"/>
          <c:order val="0"/>
          <c:tx>
            <c:v>Stakeholder</c:v>
          </c:tx>
          <c:spPr>
            <a:ln w="25400" cap="rnd">
              <a:noFill/>
              <a:round/>
            </a:ln>
            <a:effectLst/>
          </c:spPr>
          <c:marker>
            <c:symbol val="circle"/>
            <c:size val="5"/>
            <c:spPr>
              <a:solidFill>
                <a:schemeClr val="accent1"/>
              </a:solidFill>
              <a:ln w="9525">
                <a:solidFill>
                  <a:schemeClr val="accent1"/>
                </a:solidFill>
              </a:ln>
              <a:effectLst/>
            </c:spPr>
          </c:marker>
          <c:dPt>
            <c:idx val="1"/>
            <c:marker>
              <c:symbol val="circle"/>
              <c:size val="5"/>
              <c:spPr>
                <a:solidFill>
                  <a:schemeClr val="accent1"/>
                </a:solidFill>
                <a:ln w="9525">
                  <a:solidFill>
                    <a:schemeClr val="accent1"/>
                  </a:solidFill>
                </a:ln>
                <a:effectLst/>
              </c:spPr>
            </c:marker>
            <c:bubble3D val="0"/>
            <c:spPr>
              <a:ln w="25400" cap="rnd">
                <a:noFill/>
                <a:round/>
              </a:ln>
              <a:effectLst/>
            </c:spPr>
            <c:extLst>
              <c:ext xmlns:c16="http://schemas.microsoft.com/office/drawing/2014/chart" uri="{C3380CC4-5D6E-409C-BE32-E72D297353CC}">
                <c16:uniqueId val="{00000001-3378-48ED-9301-A6D09593C308}"/>
              </c:ext>
            </c:extLst>
          </c:dPt>
          <c:dPt>
            <c:idx val="2"/>
            <c:marker>
              <c:symbol val="circle"/>
              <c:size val="5"/>
              <c:spPr>
                <a:solidFill>
                  <a:schemeClr val="accent1"/>
                </a:solidFill>
                <a:ln w="9525">
                  <a:solidFill>
                    <a:schemeClr val="accent1"/>
                  </a:solidFill>
                </a:ln>
                <a:effectLst/>
              </c:spPr>
            </c:marker>
            <c:bubble3D val="0"/>
            <c:extLst>
              <c:ext xmlns:c16="http://schemas.microsoft.com/office/drawing/2014/chart" uri="{C3380CC4-5D6E-409C-BE32-E72D297353CC}">
                <c16:uniqueId val="{00000002-3378-48ED-9301-A6D09593C308}"/>
              </c:ext>
            </c:extLst>
          </c:dPt>
          <c:dPt>
            <c:idx val="3"/>
            <c:marker>
              <c:symbol val="circle"/>
              <c:size val="5"/>
              <c:spPr>
                <a:solidFill>
                  <a:schemeClr val="accent1"/>
                </a:solidFill>
                <a:ln w="9525">
                  <a:solidFill>
                    <a:schemeClr val="accent1"/>
                  </a:solidFill>
                </a:ln>
                <a:effectLst/>
              </c:spPr>
            </c:marker>
            <c:bubble3D val="0"/>
            <c:spPr>
              <a:ln w="25400" cap="rnd">
                <a:noFill/>
                <a:round/>
              </a:ln>
              <a:effectLst/>
            </c:spPr>
            <c:extLst>
              <c:ext xmlns:c16="http://schemas.microsoft.com/office/drawing/2014/chart" uri="{C3380CC4-5D6E-409C-BE32-E72D297353CC}">
                <c16:uniqueId val="{00000004-3378-48ED-9301-A6D09593C308}"/>
              </c:ext>
            </c:extLst>
          </c:dPt>
          <c:dLbls>
            <c:dLbl>
              <c:idx val="0"/>
              <c:layout>
                <c:manualLayout>
                  <c:x val="2.1529394847111308E-2"/>
                  <c:y val="8.2051287352394899E-3"/>
                </c:manualLayout>
              </c:layout>
              <c:tx>
                <c:rich>
                  <a:bodyPr/>
                  <a:lstStyle/>
                  <a:p>
                    <a:fld id="{50B789BC-5356-4B6A-9646-4209F0025CDC}"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9-3378-48ED-9301-A6D09593C308}"/>
                </c:ext>
              </c:extLst>
            </c:dLbl>
            <c:dLbl>
              <c:idx val="1"/>
              <c:layout>
                <c:manualLayout>
                  <c:x val="-1.8721212910531692E-3"/>
                  <c:y val="-4.4307695170293246E-2"/>
                </c:manualLayout>
              </c:layout>
              <c:tx>
                <c:rich>
                  <a:bodyPr/>
                  <a:lstStyle/>
                  <a:p>
                    <a:fld id="{AD96012F-D937-4B89-9771-579860B9B7AB}"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1-3378-48ED-9301-A6D09593C308}"/>
                </c:ext>
              </c:extLst>
            </c:dLbl>
            <c:dLbl>
              <c:idx val="2"/>
              <c:layout>
                <c:manualLayout>
                  <c:x val="-4.8675153567382397E-2"/>
                  <c:y val="2.9538463446862104E-2"/>
                </c:manualLayout>
              </c:layout>
              <c:tx>
                <c:rich>
                  <a:bodyPr/>
                  <a:lstStyle/>
                  <a:p>
                    <a:fld id="{9FF76F61-953D-4E1E-938D-CE2A80CCD567}"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2-3378-48ED-9301-A6D09593C308}"/>
                </c:ext>
              </c:extLst>
            </c:dLbl>
            <c:dLbl>
              <c:idx val="3"/>
              <c:layout>
                <c:manualLayout>
                  <c:x val="-1.8593702287164685E-3"/>
                  <c:y val="3.9024884411056532E-2"/>
                </c:manualLayout>
              </c:layout>
              <c:tx>
                <c:rich>
                  <a:bodyPr/>
                  <a:lstStyle/>
                  <a:p>
                    <a:fld id="{A25036B6-90F2-4C8E-BBF1-5075911F6F4E}"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4-3378-48ED-9301-A6D09593C308}"/>
                </c:ext>
              </c:extLst>
            </c:dLbl>
            <c:dLbl>
              <c:idx val="4"/>
              <c:layout>
                <c:manualLayout>
                  <c:x val="1.404090968289877E-2"/>
                  <c:y val="-1.3128205976383214E-2"/>
                </c:manualLayout>
              </c:layout>
              <c:tx>
                <c:rich>
                  <a:bodyPr/>
                  <a:lstStyle/>
                  <a:p>
                    <a:fld id="{573CDEE3-7504-49D6-B923-1C013BA3FBED}"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6-3378-48ED-9301-A6D09593C308}"/>
                </c:ext>
              </c:extLst>
            </c:dLbl>
            <c:dLbl>
              <c:idx val="5"/>
              <c:layout>
                <c:manualLayout>
                  <c:x val="0"/>
                  <c:y val="-3.938461792914958E-2"/>
                </c:manualLayout>
              </c:layout>
              <c:tx>
                <c:rich>
                  <a:bodyPr/>
                  <a:lstStyle/>
                  <a:p>
                    <a:fld id="{44D131C9-ADF2-4E8C-807A-90A415863E78}"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8-3378-48ED-9301-A6D09593C308}"/>
                </c:ext>
              </c:extLst>
            </c:dLbl>
            <c:dLbl>
              <c:idx val="6"/>
              <c:layout>
                <c:manualLayout>
                  <c:x val="-7.5081276966562069E-2"/>
                  <c:y val="-7.3682185257076399E-2"/>
                </c:manualLayout>
              </c:layout>
              <c:tx>
                <c:rich>
                  <a:bodyPr/>
                  <a:lstStyle/>
                  <a:p>
                    <a:fld id="{8E2B5176-A507-4D12-A65C-3E72A4BA0FE3}"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A-3378-48ED-9301-A6D09593C308}"/>
                </c:ext>
              </c:extLst>
            </c:dLbl>
            <c:dLbl>
              <c:idx val="7"/>
              <c:layout>
                <c:manualLayout>
                  <c:x val="9.4243817661217224E-4"/>
                  <c:y val="-2.5132336747129724E-2"/>
                </c:manualLayout>
              </c:layout>
              <c:tx>
                <c:rich>
                  <a:bodyPr/>
                  <a:lstStyle/>
                  <a:p>
                    <a:fld id="{3ACEED09-F61E-4B5D-855B-EEC09811F2B2}"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B-3378-48ED-9301-A6D09593C308}"/>
                </c:ext>
              </c:extLst>
            </c:dLbl>
            <c:dLbl>
              <c:idx val="8"/>
              <c:layout>
                <c:manualLayout>
                  <c:x val="-7.1140609060020427E-2"/>
                  <c:y val="1.1487180229335286E-2"/>
                </c:manualLayout>
              </c:layout>
              <c:tx>
                <c:rich>
                  <a:bodyPr/>
                  <a:lstStyle/>
                  <a:p>
                    <a:fld id="{8A42CD4A-BCBA-4C14-9959-9714CE51481D}"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C-3378-48ED-9301-A6D09593C308}"/>
                </c:ext>
              </c:extLst>
            </c:dLbl>
            <c:dLbl>
              <c:idx val="9"/>
              <c:layout>
                <c:manualLayout>
                  <c:x val="2.2465455492637895E-2"/>
                  <c:y val="-1.6410257470479582E-3"/>
                </c:manualLayout>
              </c:layout>
              <c:tx>
                <c:rich>
                  <a:bodyPr/>
                  <a:lstStyle/>
                  <a:p>
                    <a:fld id="{35391889-359F-468A-A167-3FE9BA5297BC}"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D-3378-48ED-9301-A6D09593C308}"/>
                </c:ext>
              </c:extLst>
            </c:dLbl>
            <c:dLbl>
              <c:idx val="10"/>
              <c:layout>
                <c:manualLayout>
                  <c:x val="1.5913030973951938E-2"/>
                  <c:y val="-3.7743592182101653E-2"/>
                </c:manualLayout>
              </c:layout>
              <c:tx>
                <c:rich>
                  <a:bodyPr/>
                  <a:lstStyle/>
                  <a:p>
                    <a:fld id="{B27DD7AA-AAF9-4E31-9A83-2E8B94A90334}"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E-3378-48ED-9301-A6D09593C308}"/>
                </c:ext>
              </c:extLst>
            </c:dLbl>
            <c:dLbl>
              <c:idx val="11"/>
              <c:layout>
                <c:manualLayout>
                  <c:x val="-1.6849091619478659E-2"/>
                  <c:y val="5.5794875399628532E-2"/>
                </c:manualLayout>
              </c:layout>
              <c:tx>
                <c:rich>
                  <a:bodyPr/>
                  <a:lstStyle/>
                  <a:p>
                    <a:fld id="{F1A11601-94F9-4A4A-9347-BE199E6968AA}"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F-3378-48ED-9301-A6D09593C308}"/>
                </c:ext>
              </c:extLst>
            </c:dLbl>
            <c:dLbl>
              <c:idx val="12"/>
              <c:tx>
                <c:rich>
                  <a:bodyPr/>
                  <a:lstStyle/>
                  <a:p>
                    <a:fld id="{4D9E28B1-F03E-4FE4-9620-FBD98620A54A}" type="CELLRANGE">
                      <a:rPr lang="en-GB"/>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0-3378-48ED-9301-A6D09593C308}"/>
                </c:ext>
              </c:extLst>
            </c:dLbl>
            <c:dLbl>
              <c:idx val="13"/>
              <c:layout>
                <c:manualLayout>
                  <c:x val="-5.0547274858435569E-2"/>
                  <c:y val="-1.641025747047898E-2"/>
                </c:manualLayout>
              </c:layout>
              <c:tx>
                <c:rich>
                  <a:bodyPr/>
                  <a:lstStyle/>
                  <a:p>
                    <a:fld id="{0B285A9F-4BCF-44B6-9D56-527E9A23795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1-3378-48ED-9301-A6D09593C308}"/>
                </c:ext>
              </c:extLst>
            </c:dLbl>
            <c:dLbl>
              <c:idx val="14"/>
              <c:layout>
                <c:manualLayout>
                  <c:x val="-5.6163638731595078E-2"/>
                  <c:y val="-1.6410257470478981E-3"/>
                </c:manualLayout>
              </c:layout>
              <c:tx>
                <c:rich>
                  <a:bodyPr/>
                  <a:lstStyle/>
                  <a:p>
                    <a:fld id="{25420152-6260-4856-9463-8CCA54AAAE61}"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2-3378-48ED-9301-A6D09593C308}"/>
                </c:ext>
              </c:extLst>
            </c:dLbl>
            <c:dLbl>
              <c:idx val="15"/>
              <c:layout>
                <c:manualLayout>
                  <c:x val="-8.4245458097392617E-2"/>
                  <c:y val="2.2974360458670573E-2"/>
                </c:manualLayout>
              </c:layout>
              <c:tx>
                <c:rich>
                  <a:bodyPr/>
                  <a:lstStyle/>
                  <a:p>
                    <a:fld id="{94A22610-FCE9-4630-A525-310D0E354808}"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3-3378-48ED-9301-A6D09593C308}"/>
                </c:ext>
              </c:extLst>
            </c:dLbl>
            <c:dLbl>
              <c:idx val="16"/>
              <c:layout>
                <c:manualLayout>
                  <c:x val="-5.4291517440541906E-2"/>
                  <c:y val="-3.1179489193910063E-2"/>
                </c:manualLayout>
              </c:layout>
              <c:tx>
                <c:rich>
                  <a:bodyPr/>
                  <a:lstStyle/>
                  <a:p>
                    <a:fld id="{C9586A31-44DF-42DA-B91F-44ED8EB82364}"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4-3378-48ED-9301-A6D09593C308}"/>
                </c:ext>
              </c:extLst>
            </c:dLbl>
            <c:dLbl>
              <c:idx val="17"/>
              <c:layout>
                <c:manualLayout>
                  <c:x val="6.0843941959228001E-2"/>
                  <c:y val="-1.805128321752688E-2"/>
                </c:manualLayout>
              </c:layout>
              <c:tx>
                <c:rich>
                  <a:bodyPr/>
                  <a:lstStyle/>
                  <a:p>
                    <a:fld id="{C7BD6830-CEEC-4BBB-86C8-11135A54813F}"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5-3378-48ED-9301-A6D09593C308}"/>
                </c:ext>
              </c:extLst>
            </c:dLbl>
            <c:dLbl>
              <c:idx val="18"/>
              <c:layout>
                <c:manualLayout>
                  <c:x val="1.8721212910531693E-2"/>
                  <c:y val="-9.8461544822873882E-3"/>
                </c:manualLayout>
              </c:layout>
              <c:tx>
                <c:rich>
                  <a:bodyPr/>
                  <a:lstStyle/>
                  <a:p>
                    <a:fld id="{2F122EAE-5F77-4799-8D1C-DFEEE7280E54}"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6-3378-48ED-9301-A6D09593C308}"/>
                </c:ext>
              </c:extLst>
            </c:dLbl>
            <c:dLbl>
              <c:idx val="19"/>
              <c:layout>
                <c:manualLayout>
                  <c:x val="6.5524245186860926E-3"/>
                  <c:y val="-4.2666669423245353E-2"/>
                </c:manualLayout>
              </c:layout>
              <c:tx>
                <c:rich>
                  <a:bodyPr/>
                  <a:lstStyle/>
                  <a:p>
                    <a:fld id="{8636B5E7-3EF5-4FC7-A1B7-1015D435165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7-3378-48ED-9301-A6D09593C308}"/>
                </c:ext>
              </c:extLst>
            </c:dLbl>
            <c:dLbl>
              <c:idx val="20"/>
              <c:layout>
                <c:manualLayout>
                  <c:x val="-9.3606064552658461E-4"/>
                  <c:y val="7.5487184364203305E-2"/>
                </c:manualLayout>
              </c:layout>
              <c:tx>
                <c:rich>
                  <a:bodyPr/>
                  <a:lstStyle/>
                  <a:p>
                    <a:fld id="{6977395D-F6B3-4D6B-9D76-46C12512213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8-3378-48ED-9301-A6D09593C308}"/>
                </c:ext>
              </c:extLst>
            </c:dLbl>
            <c:dLbl>
              <c:idx val="21"/>
              <c:layout>
                <c:manualLayout>
                  <c:x val="3.7442425821063385E-2"/>
                  <c:y val="-6.0170248966572336E-17"/>
                </c:manualLayout>
              </c:layout>
              <c:tx>
                <c:rich>
                  <a:bodyPr/>
                  <a:lstStyle/>
                  <a:p>
                    <a:fld id="{DD5A6D2A-5AAF-4C78-A5DA-AB98B78DD285}"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9-3378-48ED-9301-A6D09593C308}"/>
                </c:ext>
              </c:extLst>
            </c:dLbl>
            <c:dLbl>
              <c:idx val="22"/>
              <c:layout>
                <c:manualLayout>
                  <c:x val="-9.3606064552665324E-4"/>
                  <c:y val="3.4461540688005859E-2"/>
                </c:manualLayout>
              </c:layout>
              <c:tx>
                <c:rich>
                  <a:bodyPr/>
                  <a:lstStyle/>
                  <a:p>
                    <a:fld id="{42D0F42C-808B-4787-AC4D-81FD4361B25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A-3378-48ED-9301-A6D09593C308}"/>
                </c:ext>
              </c:extLst>
            </c:dLbl>
            <c:dLbl>
              <c:idx val="23"/>
              <c:layout>
                <c:manualLayout>
                  <c:x val="-8.4245458097392686E-2"/>
                  <c:y val="-5.9076926893724388E-2"/>
                </c:manualLayout>
              </c:layout>
              <c:tx>
                <c:rich>
                  <a:bodyPr/>
                  <a:lstStyle/>
                  <a:p>
                    <a:fld id="{A926D737-1FCB-4F59-AEBE-511DDC2D7DCD}"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B-3378-48ED-9301-A6D09593C308}"/>
                </c:ext>
              </c:extLst>
            </c:dLbl>
            <c:dLbl>
              <c:idx val="24"/>
              <c:layout>
                <c:manualLayout>
                  <c:x val="-0.13479273295582819"/>
                  <c:y val="1.9692308964574776E-2"/>
                </c:manualLayout>
              </c:layout>
              <c:tx>
                <c:rich>
                  <a:bodyPr/>
                  <a:lstStyle/>
                  <a:p>
                    <a:fld id="{DAB5D90E-86E7-484F-9727-2B62775CD322}"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C-3378-48ED-9301-A6D09593C308}"/>
                </c:ext>
              </c:extLst>
            </c:dLbl>
            <c:dLbl>
              <c:idx val="25"/>
              <c:layout>
                <c:manualLayout>
                  <c:x val="1.8721212910531692E-3"/>
                  <c:y val="-5.0871798158484839E-2"/>
                </c:manualLayout>
              </c:layout>
              <c:tx>
                <c:rich>
                  <a:bodyPr/>
                  <a:lstStyle/>
                  <a:p>
                    <a:fld id="{C1784DB6-D7BC-4B8D-9A55-8F6804ED661E}"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D-3378-48ED-9301-A6D09593C308}"/>
                </c:ext>
              </c:extLst>
            </c:dLbl>
            <c:dLbl>
              <c:idx val="26"/>
              <c:layout>
                <c:manualLayout>
                  <c:x val="-7.3012730351073599E-2"/>
                  <c:y val="-5.0871798158484839E-2"/>
                </c:manualLayout>
              </c:layout>
              <c:tx>
                <c:rich>
                  <a:bodyPr/>
                  <a:lstStyle/>
                  <a:p>
                    <a:fld id="{60CBE5FC-82FD-40E1-9220-CAB277DB8F31}"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E-3378-48ED-9301-A6D09593C308}"/>
                </c:ext>
              </c:extLst>
            </c:dLbl>
            <c:dLbl>
              <c:idx val="27"/>
              <c:layout>
                <c:manualLayout>
                  <c:x val="-0.10015848907134457"/>
                  <c:y val="4.2666669423245228E-2"/>
                </c:manualLayout>
              </c:layout>
              <c:tx>
                <c:rich>
                  <a:bodyPr/>
                  <a:lstStyle/>
                  <a:p>
                    <a:fld id="{6C42A501-960D-4988-829D-4588D25DA98B}"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F-3378-48ED-9301-A6D09593C308}"/>
                </c:ext>
              </c:extLst>
            </c:dLbl>
            <c:dLbl>
              <c:idx val="28"/>
              <c:layout>
                <c:manualLayout>
                  <c:x val="-5.616363873159576E-3"/>
                  <c:y val="-4.5948720917341146E-2"/>
                </c:manualLayout>
              </c:layout>
              <c:tx>
                <c:rich>
                  <a:bodyPr/>
                  <a:lstStyle/>
                  <a:p>
                    <a:fld id="{E4965C06-F485-452D-BC9F-48E34CD8D5FB}"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0-3378-48ED-9301-A6D09593C308}"/>
                </c:ext>
              </c:extLst>
            </c:dLbl>
            <c:dLbl>
              <c:idx val="29"/>
              <c:layout>
                <c:manualLayout>
                  <c:x val="1.3104849037372185E-2"/>
                  <c:y val="-2.4615386205718532E-2"/>
                </c:manualLayout>
              </c:layout>
              <c:tx>
                <c:rich>
                  <a:bodyPr/>
                  <a:lstStyle/>
                  <a:p>
                    <a:fld id="{238B147B-47F3-4ACF-ACDF-782F9C6C4F4D}"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1-3378-48ED-9301-A6D09593C308}"/>
                </c:ext>
              </c:extLst>
            </c:dLbl>
            <c:dLbl>
              <c:idx val="30"/>
              <c:layout>
                <c:manualLayout>
                  <c:x val="-4.1186668403169757E-2"/>
                  <c:y val="4.5948720917341028E-2"/>
                </c:manualLayout>
              </c:layout>
              <c:tx>
                <c:rich>
                  <a:bodyPr/>
                  <a:lstStyle/>
                  <a:p>
                    <a:fld id="{9741A1AD-7B3B-42E7-8AE7-638D05471127}"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2-3378-48ED-9301-A6D09593C308}"/>
                </c:ext>
              </c:extLst>
            </c:dLbl>
            <c:dLbl>
              <c:idx val="31"/>
              <c:layout>
                <c:manualLayout>
                  <c:x val="-0.1404090968289877"/>
                  <c:y val="-3.2820514940959163E-3"/>
                </c:manualLayout>
              </c:layout>
              <c:tx>
                <c:rich>
                  <a:bodyPr/>
                  <a:lstStyle/>
                  <a:p>
                    <a:fld id="{43658B2E-BEC1-48A6-8D49-F4CE4E0A045D}"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3-3378-48ED-9301-A6D09593C308}"/>
                </c:ext>
              </c:extLst>
            </c:dLbl>
            <c:dLbl>
              <c:idx val="32"/>
              <c:layout>
                <c:manualLayout>
                  <c:x val="-0.19657273556058277"/>
                  <c:y val="6.5641029881915924E-3"/>
                </c:manualLayout>
              </c:layout>
              <c:tx>
                <c:rich>
                  <a:bodyPr/>
                  <a:lstStyle/>
                  <a:p>
                    <a:fld id="{7C6B73C7-8643-44AB-A84B-A0183DA49D10}"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4-3378-48ED-9301-A6D09593C308}"/>
                </c:ext>
              </c:extLst>
            </c:dLbl>
            <c:dLbl>
              <c:idx val="33"/>
              <c:layout>
                <c:manualLayout>
                  <c:x val="-9.9222428425817966E-2"/>
                  <c:y val="-6.4000004134868019E-2"/>
                </c:manualLayout>
              </c:layout>
              <c:tx>
                <c:rich>
                  <a:bodyPr/>
                  <a:lstStyle/>
                  <a:p>
                    <a:fld id="{79299D61-94BB-4FD4-8817-2F031AC63426}"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5-3378-48ED-9301-A6D09593C308}"/>
                </c:ext>
              </c:extLst>
            </c:dLbl>
            <c:dLbl>
              <c:idx val="34"/>
              <c:layout>
                <c:manualLayout>
                  <c:x val="5.7099699377121664E-2"/>
                  <c:y val="1.3128205976383185E-2"/>
                </c:manualLayout>
              </c:layout>
              <c:tx>
                <c:rich>
                  <a:bodyPr/>
                  <a:lstStyle/>
                  <a:p>
                    <a:fld id="{87399641-88B7-4FF6-BD1D-A9B78D05AC6C}"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6-3378-48ED-9301-A6D09593C308}"/>
                </c:ext>
              </c:extLst>
            </c:dLbl>
            <c:dLbl>
              <c:idx val="35"/>
              <c:layout>
                <c:manualLayout>
                  <c:x val="0"/>
                  <c:y val="4.4307695170293246E-2"/>
                </c:manualLayout>
              </c:layout>
              <c:tx>
                <c:rich>
                  <a:bodyPr/>
                  <a:lstStyle/>
                  <a:p>
                    <a:fld id="{C340549B-2E72-4C75-9845-D7975D581AB2}"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7-3378-48ED-9301-A6D09593C308}"/>
                </c:ext>
              </c:extLst>
            </c:dLbl>
            <c:dLbl>
              <c:idx val="36"/>
              <c:layout>
                <c:manualLayout>
                  <c:x val="-0.16100243103057263"/>
                  <c:y val="-1.6410257470478981E-3"/>
                </c:manualLayout>
              </c:layout>
              <c:tx>
                <c:rich>
                  <a:bodyPr/>
                  <a:lstStyle/>
                  <a:p>
                    <a:fld id="{59444259-4EF9-40AE-80CB-2DCE82ED559D}"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8-3378-48ED-9301-A6D09593C308}"/>
                </c:ext>
              </c:extLst>
            </c:dLbl>
            <c:dLbl>
              <c:idx val="37"/>
              <c:layout>
                <c:manualLayout>
                  <c:x val="-3.089000130237729E-2"/>
                  <c:y val="4.4307695170293246E-2"/>
                </c:manualLayout>
              </c:layout>
              <c:tx>
                <c:rich>
                  <a:bodyPr/>
                  <a:lstStyle/>
                  <a:p>
                    <a:fld id="{80E2E38E-051A-4279-AD98-3ABA790524E3}"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9-3378-48ED-9301-A6D09593C308}"/>
                </c:ext>
              </c:extLst>
            </c:dLbl>
            <c:dLbl>
              <c:idx val="38"/>
              <c:layout>
                <c:manualLayout>
                  <c:x val="9.3606064552658461E-4"/>
                  <c:y val="2.1333334711622555E-2"/>
                </c:manualLayout>
              </c:layout>
              <c:tx>
                <c:rich>
                  <a:bodyPr/>
                  <a:lstStyle/>
                  <a:p>
                    <a:fld id="{BBE57545-697C-4E22-9B4C-E307C97F4E0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A-3378-48ED-9301-A6D09593C308}"/>
                </c:ext>
              </c:extLst>
            </c:dLbl>
            <c:dLbl>
              <c:idx val="39"/>
              <c:layout>
                <c:manualLayout>
                  <c:x val="-4.3058789694222895E-2"/>
                  <c:y val="3.1179489193909941E-2"/>
                </c:manualLayout>
              </c:layout>
              <c:tx>
                <c:rich>
                  <a:bodyPr/>
                  <a:lstStyle/>
                  <a:p>
                    <a:fld id="{C67B2405-3665-410A-8606-9E821A50A480}"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B-3378-48ED-9301-A6D09593C308}"/>
                </c:ext>
              </c:extLst>
            </c:dLbl>
            <c:dLbl>
              <c:idx val="40"/>
              <c:layout>
                <c:manualLayout>
                  <c:x val="-5.9907881313701415E-2"/>
                  <c:y val="1.9692308964574717E-2"/>
                </c:manualLayout>
              </c:layout>
              <c:tx>
                <c:rich>
                  <a:bodyPr/>
                  <a:lstStyle/>
                  <a:p>
                    <a:fld id="{3B5423E2-CD59-4F39-B2A9-A77D22DDD99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C-3378-48ED-9301-A6D09593C308}"/>
                </c:ext>
              </c:extLst>
            </c:dLbl>
            <c:dLbl>
              <c:idx val="41"/>
              <c:layout>
                <c:manualLayout>
                  <c:x val="-4.7739092921855818E-2"/>
                  <c:y val="3.4461540688005859E-2"/>
                </c:manualLayout>
              </c:layout>
              <c:tx>
                <c:rich>
                  <a:bodyPr/>
                  <a:lstStyle/>
                  <a:p>
                    <a:fld id="{6AE4691B-0448-4384-951F-921D5DE26BF3}"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D-3378-48ED-9301-A6D09593C308}"/>
                </c:ext>
              </c:extLst>
            </c:dLbl>
            <c:dLbl>
              <c:idx val="42"/>
              <c:layout>
                <c:manualLayout>
                  <c:x val="-4.9611214212908983E-2"/>
                  <c:y val="2.7897437699814266E-2"/>
                </c:manualLayout>
              </c:layout>
              <c:tx>
                <c:rich>
                  <a:bodyPr/>
                  <a:lstStyle/>
                  <a:p>
                    <a:fld id="{BF629A5C-BD0F-41BA-B209-F19075E1C368}"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E-3378-48ED-9301-A6D09593C308}"/>
                </c:ext>
              </c:extLst>
            </c:dLbl>
            <c:dLbl>
              <c:idx val="43"/>
              <c:layout>
                <c:manualLayout>
                  <c:x val="-6.0843941959228001E-2"/>
                  <c:y val="2.625641195276637E-2"/>
                </c:manualLayout>
              </c:layout>
              <c:tx>
                <c:rich>
                  <a:bodyPr/>
                  <a:lstStyle/>
                  <a:p>
                    <a:fld id="{04948B1B-CF7A-4F48-9954-BABE14CA4BCF}"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F-3378-48ED-9301-A6D09593C308}"/>
                </c:ext>
              </c:extLst>
            </c:dLbl>
            <c:dLbl>
              <c:idx val="44"/>
              <c:layout>
                <c:manualLayout>
                  <c:x val="2.8081819365797537E-3"/>
                  <c:y val="2.9538463446862166E-2"/>
                </c:manualLayout>
              </c:layout>
              <c:tx>
                <c:rich>
                  <a:bodyPr/>
                  <a:lstStyle/>
                  <a:p>
                    <a:fld id="{A77F63DB-23FF-4EA7-A294-D4CB13ECBFED}"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30-3378-48ED-9301-A6D09593C308}"/>
                </c:ext>
              </c:extLst>
            </c:dLbl>
            <c:dLbl>
              <c:idx val="45"/>
              <c:layout>
                <c:manualLayout>
                  <c:x val="2.8081819365797537E-3"/>
                  <c:y val="5.2512823905532739E-2"/>
                </c:manualLayout>
              </c:layout>
              <c:tx>
                <c:rich>
                  <a:bodyPr/>
                  <a:lstStyle/>
                  <a:p>
                    <a:fld id="{82372FAF-DD3D-4870-81D9-1609FC4223B3}"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31-3378-48ED-9301-A6D09593C308}"/>
                </c:ext>
              </c:extLst>
            </c:dLbl>
            <c:dLbl>
              <c:idx val="46"/>
              <c:layout>
                <c:manualLayout>
                  <c:x val="7.4884851642126769E-3"/>
                  <c:y val="-3.9384617929149553E-2"/>
                </c:manualLayout>
              </c:layout>
              <c:tx>
                <c:rich>
                  <a:bodyPr/>
                  <a:lstStyle/>
                  <a:p>
                    <a:fld id="{7F2382F5-8C99-493B-B566-B8634259396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32-3378-48ED-9301-A6D09593C308}"/>
                </c:ext>
              </c:extLst>
            </c:dLbl>
            <c:dLbl>
              <c:idx val="4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3-3378-48ED-9301-A6D09593C308}"/>
                </c:ext>
              </c:extLst>
            </c:dLbl>
            <c:dLbl>
              <c:idx val="4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4-3378-48ED-9301-A6D09593C308}"/>
                </c:ext>
              </c:extLst>
            </c:dLbl>
            <c:dLbl>
              <c:idx val="4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5-3378-48ED-9301-A6D09593C308}"/>
                </c:ext>
              </c:extLst>
            </c:dLbl>
            <c:dLbl>
              <c:idx val="5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6-3378-48ED-9301-A6D09593C308}"/>
                </c:ext>
              </c:extLst>
            </c:dLbl>
            <c:dLbl>
              <c:idx val="5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7-3378-48ED-9301-A6D09593C308}"/>
                </c:ext>
              </c:extLst>
            </c:dLbl>
            <c:dLbl>
              <c:idx val="5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8-3378-48ED-9301-A6D09593C308}"/>
                </c:ext>
              </c:extLst>
            </c:dLbl>
            <c:dLbl>
              <c:idx val="5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9-3378-48ED-9301-A6D09593C308}"/>
                </c:ext>
              </c:extLst>
            </c:dLbl>
            <c:dLbl>
              <c:idx val="5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A-3378-48ED-9301-A6D09593C308}"/>
                </c:ext>
              </c:extLst>
            </c:dLbl>
            <c:dLbl>
              <c:idx val="5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B-3378-48ED-9301-A6D09593C308}"/>
                </c:ext>
              </c:extLst>
            </c:dLbl>
            <c:dLbl>
              <c:idx val="5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C-3378-48ED-9301-A6D09593C308}"/>
                </c:ext>
              </c:extLst>
            </c:dLbl>
            <c:dLbl>
              <c:idx val="5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D-3378-48ED-9301-A6D09593C308}"/>
                </c:ext>
              </c:extLst>
            </c:dLbl>
            <c:dLbl>
              <c:idx val="5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E-3378-48ED-9301-A6D09593C308}"/>
                </c:ext>
              </c:extLst>
            </c:dLbl>
            <c:dLbl>
              <c:idx val="5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F-3378-48ED-9301-A6D09593C308}"/>
                </c:ext>
              </c:extLst>
            </c:dLbl>
            <c:dLbl>
              <c:idx val="6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0-3378-48ED-9301-A6D09593C308}"/>
                </c:ext>
              </c:extLst>
            </c:dLbl>
            <c:dLbl>
              <c:idx val="6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1-3378-48ED-9301-A6D09593C308}"/>
                </c:ext>
              </c:extLst>
            </c:dLbl>
            <c:dLbl>
              <c:idx val="6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2-3378-48ED-9301-A6D09593C308}"/>
                </c:ext>
              </c:extLst>
            </c:dLbl>
            <c:dLbl>
              <c:idx val="6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3-3378-48ED-9301-A6D09593C308}"/>
                </c:ext>
              </c:extLst>
            </c:dLbl>
            <c:dLbl>
              <c:idx val="6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4-3378-48ED-9301-A6D09593C308}"/>
                </c:ext>
              </c:extLst>
            </c:dLbl>
            <c:dLbl>
              <c:idx val="6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5-3378-48ED-9301-A6D09593C308}"/>
                </c:ext>
              </c:extLst>
            </c:dLbl>
            <c:dLbl>
              <c:idx val="6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6-3378-48ED-9301-A6D09593C308}"/>
                </c:ext>
              </c:extLst>
            </c:dLbl>
            <c:dLbl>
              <c:idx val="6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7-3378-48ED-9301-A6D09593C308}"/>
                </c:ext>
              </c:extLst>
            </c:dLbl>
            <c:dLbl>
              <c:idx val="6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8-3378-48ED-9301-A6D09593C308}"/>
                </c:ext>
              </c:extLst>
            </c:dLbl>
            <c:dLbl>
              <c:idx val="6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9-3378-48ED-9301-A6D09593C308}"/>
                </c:ext>
              </c:extLst>
            </c:dLbl>
            <c:dLbl>
              <c:idx val="7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A-3378-48ED-9301-A6D09593C308}"/>
                </c:ext>
              </c:extLst>
            </c:dLbl>
            <c:dLbl>
              <c:idx val="7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B-3378-48ED-9301-A6D09593C308}"/>
                </c:ext>
              </c:extLst>
            </c:dLbl>
            <c:dLbl>
              <c:idx val="7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C-3378-48ED-9301-A6D09593C308}"/>
                </c:ext>
              </c:extLst>
            </c:dLbl>
            <c:dLbl>
              <c:idx val="7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D-3378-48ED-9301-A6D09593C308}"/>
                </c:ext>
              </c:extLst>
            </c:dLbl>
            <c:dLbl>
              <c:idx val="7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E-3378-48ED-9301-A6D09593C308}"/>
                </c:ext>
              </c:extLst>
            </c:dLbl>
            <c:dLbl>
              <c:idx val="7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F-3378-48ED-9301-A6D09593C308}"/>
                </c:ext>
              </c:extLst>
            </c:dLbl>
            <c:dLbl>
              <c:idx val="7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0-3378-48ED-9301-A6D09593C308}"/>
                </c:ext>
              </c:extLst>
            </c:dLbl>
            <c:dLbl>
              <c:idx val="7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1-3378-48ED-9301-A6D09593C308}"/>
                </c:ext>
              </c:extLst>
            </c:dLbl>
            <c:dLbl>
              <c:idx val="7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2-3378-48ED-9301-A6D09593C308}"/>
                </c:ext>
              </c:extLst>
            </c:dLbl>
            <c:dLbl>
              <c:idx val="7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3-3378-48ED-9301-A6D09593C308}"/>
                </c:ext>
              </c:extLst>
            </c:dLbl>
            <c:dLbl>
              <c:idx val="8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4-3378-48ED-9301-A6D09593C308}"/>
                </c:ext>
              </c:extLst>
            </c:dLbl>
            <c:dLbl>
              <c:idx val="8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5-3378-48ED-9301-A6D09593C308}"/>
                </c:ext>
              </c:extLst>
            </c:dLbl>
            <c:dLbl>
              <c:idx val="8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6-3378-48ED-9301-A6D09593C308}"/>
                </c:ext>
              </c:extLst>
            </c:dLbl>
            <c:dLbl>
              <c:idx val="8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7-3378-48ED-9301-A6D09593C308}"/>
                </c:ext>
              </c:extLst>
            </c:dLbl>
            <c:dLbl>
              <c:idx val="8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8-3378-48ED-9301-A6D09593C308}"/>
                </c:ext>
              </c:extLst>
            </c:dLbl>
            <c:dLbl>
              <c:idx val="8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9-3378-48ED-9301-A6D09593C308}"/>
                </c:ext>
              </c:extLst>
            </c:dLbl>
            <c:dLbl>
              <c:idx val="8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A-3378-48ED-9301-A6D09593C308}"/>
                </c:ext>
              </c:extLst>
            </c:dLbl>
            <c:dLbl>
              <c:idx val="8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B-3378-48ED-9301-A6D09593C308}"/>
                </c:ext>
              </c:extLst>
            </c:dLbl>
            <c:dLbl>
              <c:idx val="8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C-3378-48ED-9301-A6D09593C308}"/>
                </c:ext>
              </c:extLst>
            </c:dLbl>
            <c:dLbl>
              <c:idx val="8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D-3378-48ED-9301-A6D09593C308}"/>
                </c:ext>
              </c:extLst>
            </c:dLbl>
            <c:dLbl>
              <c:idx val="9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E-3378-48ED-9301-A6D09593C308}"/>
                </c:ext>
              </c:extLst>
            </c:dLbl>
            <c:dLbl>
              <c:idx val="9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F-3378-48ED-9301-A6D09593C308}"/>
                </c:ext>
              </c:extLst>
            </c:dLbl>
            <c:dLbl>
              <c:idx val="9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0-3378-48ED-9301-A6D09593C308}"/>
                </c:ext>
              </c:extLst>
            </c:dLbl>
            <c:dLbl>
              <c:idx val="9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1-3378-48ED-9301-A6D09593C308}"/>
                </c:ext>
              </c:extLst>
            </c:dLbl>
            <c:dLbl>
              <c:idx val="9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2-3378-48ED-9301-A6D09593C308}"/>
                </c:ext>
              </c:extLst>
            </c:dLbl>
            <c:dLbl>
              <c:idx val="9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3-3378-48ED-9301-A6D09593C308}"/>
                </c:ext>
              </c:extLst>
            </c:dLbl>
            <c:dLbl>
              <c:idx val="9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4-3378-48ED-9301-A6D09593C308}"/>
                </c:ext>
              </c:extLst>
            </c:dLbl>
            <c:dLbl>
              <c:idx val="9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5-3378-48ED-9301-A6D09593C308}"/>
                </c:ext>
              </c:extLst>
            </c:dLbl>
            <c:dLbl>
              <c:idx val="9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6-3378-48ED-9301-A6D09593C308}"/>
                </c:ext>
              </c:extLst>
            </c:dLbl>
            <c:dLbl>
              <c:idx val="9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7-3378-48ED-9301-A6D09593C308}"/>
                </c:ext>
              </c:extLst>
            </c:dLbl>
            <c:dLbl>
              <c:idx val="10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8-3378-48ED-9301-A6D09593C308}"/>
                </c:ext>
              </c:extLst>
            </c:dLbl>
            <c:dLbl>
              <c:idx val="10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9-3378-48ED-9301-A6D09593C308}"/>
                </c:ext>
              </c:extLst>
            </c:dLbl>
            <c:dLbl>
              <c:idx val="10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A-3378-48ED-9301-A6D09593C308}"/>
                </c:ext>
              </c:extLst>
            </c:dLbl>
            <c:dLbl>
              <c:idx val="10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B-3378-48ED-9301-A6D09593C308}"/>
                </c:ext>
              </c:extLst>
            </c:dLbl>
            <c:dLbl>
              <c:idx val="10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C-3378-48ED-9301-A6D09593C308}"/>
                </c:ext>
              </c:extLst>
            </c:dLbl>
            <c:dLbl>
              <c:idx val="10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D-3378-48ED-9301-A6D09593C308}"/>
                </c:ext>
              </c:extLst>
            </c:dLbl>
            <c:dLbl>
              <c:idx val="10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E-3378-48ED-9301-A6D09593C308}"/>
                </c:ext>
              </c:extLst>
            </c:dLbl>
            <c:dLbl>
              <c:idx val="10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F-3378-48ED-9301-A6D09593C308}"/>
                </c:ext>
              </c:extLst>
            </c:dLbl>
            <c:dLbl>
              <c:idx val="10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0-3378-48ED-9301-A6D09593C308}"/>
                </c:ext>
              </c:extLst>
            </c:dLbl>
            <c:dLbl>
              <c:idx val="10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1-3378-48ED-9301-A6D09593C308}"/>
                </c:ext>
              </c:extLst>
            </c:dLbl>
            <c:dLbl>
              <c:idx val="11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2-3378-48ED-9301-A6D09593C308}"/>
                </c:ext>
              </c:extLst>
            </c:dLbl>
            <c:dLbl>
              <c:idx val="11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3-3378-48ED-9301-A6D09593C308}"/>
                </c:ext>
              </c:extLst>
            </c:dLbl>
            <c:dLbl>
              <c:idx val="11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4-3378-48ED-9301-A6D09593C308}"/>
                </c:ext>
              </c:extLst>
            </c:dLbl>
            <c:dLbl>
              <c:idx val="11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5-3378-48ED-9301-A6D09593C308}"/>
                </c:ext>
              </c:extLst>
            </c:dLbl>
            <c:dLbl>
              <c:idx val="11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6-3378-48ED-9301-A6D09593C308}"/>
                </c:ext>
              </c:extLst>
            </c:dLbl>
            <c:dLbl>
              <c:idx val="11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7-3378-48ED-9301-A6D09593C308}"/>
                </c:ext>
              </c:extLst>
            </c:dLbl>
            <c:dLbl>
              <c:idx val="11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8-3378-48ED-9301-A6D09593C308}"/>
                </c:ext>
              </c:extLst>
            </c:dLbl>
            <c:dLbl>
              <c:idx val="11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9-3378-48ED-9301-A6D09593C308}"/>
                </c:ext>
              </c:extLst>
            </c:dLbl>
            <c:dLbl>
              <c:idx val="11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A-3378-48ED-9301-A6D09593C308}"/>
                </c:ext>
              </c:extLst>
            </c:dLbl>
            <c:dLbl>
              <c:idx val="11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B-3378-48ED-9301-A6D09593C308}"/>
                </c:ext>
              </c:extLst>
            </c:dLbl>
            <c:dLbl>
              <c:idx val="12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C-3378-48ED-9301-A6D09593C308}"/>
                </c:ext>
              </c:extLst>
            </c:dLbl>
            <c:dLbl>
              <c:idx val="12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D-3378-48ED-9301-A6D09593C308}"/>
                </c:ext>
              </c:extLst>
            </c:dLbl>
            <c:dLbl>
              <c:idx val="12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E-3378-48ED-9301-A6D09593C308}"/>
                </c:ext>
              </c:extLst>
            </c:dLbl>
            <c:dLbl>
              <c:idx val="12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F-3378-48ED-9301-A6D09593C308}"/>
                </c:ext>
              </c:extLst>
            </c:dLbl>
            <c:dLbl>
              <c:idx val="12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0-3378-48ED-9301-A6D09593C308}"/>
                </c:ext>
              </c:extLst>
            </c:dLbl>
            <c:dLbl>
              <c:idx val="12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1-3378-48ED-9301-A6D09593C308}"/>
                </c:ext>
              </c:extLst>
            </c:dLbl>
            <c:dLbl>
              <c:idx val="12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2-3378-48ED-9301-A6D09593C308}"/>
                </c:ext>
              </c:extLst>
            </c:dLbl>
            <c:dLbl>
              <c:idx val="12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3-3378-48ED-9301-A6D09593C308}"/>
                </c:ext>
              </c:extLst>
            </c:dLbl>
            <c:dLbl>
              <c:idx val="12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4-3378-48ED-9301-A6D09593C308}"/>
                </c:ext>
              </c:extLst>
            </c:dLbl>
            <c:dLbl>
              <c:idx val="12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5-3378-48ED-9301-A6D09593C308}"/>
                </c:ext>
              </c:extLst>
            </c:dLbl>
            <c:dLbl>
              <c:idx val="13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6-3378-48ED-9301-A6D09593C308}"/>
                </c:ext>
              </c:extLst>
            </c:dLbl>
            <c:dLbl>
              <c:idx val="13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7-3378-48ED-9301-A6D09593C308}"/>
                </c:ext>
              </c:extLst>
            </c:dLbl>
            <c:dLbl>
              <c:idx val="13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8-3378-48ED-9301-A6D09593C308}"/>
                </c:ext>
              </c:extLst>
            </c:dLbl>
            <c:dLbl>
              <c:idx val="13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9-3378-48ED-9301-A6D09593C308}"/>
                </c:ext>
              </c:extLst>
            </c:dLbl>
            <c:dLbl>
              <c:idx val="13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A-3378-48ED-9301-A6D09593C308}"/>
                </c:ext>
              </c:extLst>
            </c:dLbl>
            <c:dLbl>
              <c:idx val="13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B-3378-48ED-9301-A6D09593C308}"/>
                </c:ext>
              </c:extLst>
            </c:dLbl>
            <c:dLbl>
              <c:idx val="13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C-3378-48ED-9301-A6D09593C308}"/>
                </c:ext>
              </c:extLst>
            </c:dLbl>
            <c:dLbl>
              <c:idx val="13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D-3378-48ED-9301-A6D09593C308}"/>
                </c:ext>
              </c:extLst>
            </c:dLbl>
            <c:dLbl>
              <c:idx val="13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E-3378-48ED-9301-A6D09593C308}"/>
                </c:ext>
              </c:extLst>
            </c:dLbl>
            <c:dLbl>
              <c:idx val="13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F-3378-48ED-9301-A6D09593C308}"/>
                </c:ext>
              </c:extLst>
            </c:dLbl>
            <c:dLbl>
              <c:idx val="14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0-3378-48ED-9301-A6D09593C308}"/>
                </c:ext>
              </c:extLst>
            </c:dLbl>
            <c:dLbl>
              <c:idx val="14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1-3378-48ED-9301-A6D09593C308}"/>
                </c:ext>
              </c:extLst>
            </c:dLbl>
            <c:dLbl>
              <c:idx val="14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2-3378-48ED-9301-A6D09593C308}"/>
                </c:ext>
              </c:extLst>
            </c:dLbl>
            <c:dLbl>
              <c:idx val="14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3-3378-48ED-9301-A6D09593C308}"/>
                </c:ext>
              </c:extLst>
            </c:dLbl>
            <c:dLbl>
              <c:idx val="14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4-3378-48ED-9301-A6D09593C308}"/>
                </c:ext>
              </c:extLst>
            </c:dLbl>
            <c:dLbl>
              <c:idx val="14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5-3378-48ED-9301-A6D09593C308}"/>
                </c:ext>
              </c:extLst>
            </c:dLbl>
            <c:dLbl>
              <c:idx val="14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6-3378-48ED-9301-A6D09593C308}"/>
                </c:ext>
              </c:extLst>
            </c:dLbl>
            <c:dLbl>
              <c:idx val="14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7-3378-48ED-9301-A6D09593C308}"/>
                </c:ext>
              </c:extLst>
            </c:dLbl>
            <c:dLbl>
              <c:idx val="14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8-3378-48ED-9301-A6D09593C308}"/>
                </c:ext>
              </c:extLst>
            </c:dLbl>
            <c:dLbl>
              <c:idx val="14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9-3378-48ED-9301-A6D09593C308}"/>
                </c:ext>
              </c:extLst>
            </c:dLbl>
            <c:dLbl>
              <c:idx val="15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A-3378-48ED-9301-A6D09593C308}"/>
                </c:ext>
              </c:extLst>
            </c:dLbl>
            <c:dLbl>
              <c:idx val="15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B-3378-48ED-9301-A6D09593C308}"/>
                </c:ext>
              </c:extLst>
            </c:dLbl>
            <c:dLbl>
              <c:idx val="15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C-3378-48ED-9301-A6D09593C308}"/>
                </c:ext>
              </c:extLst>
            </c:dLbl>
            <c:dLbl>
              <c:idx val="15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D-3378-48ED-9301-A6D09593C308}"/>
                </c:ext>
              </c:extLst>
            </c:dLbl>
            <c:dLbl>
              <c:idx val="15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E-3378-48ED-9301-A6D09593C308}"/>
                </c:ext>
              </c:extLst>
            </c:dLbl>
            <c:dLbl>
              <c:idx val="15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F-3378-48ED-9301-A6D09593C308}"/>
                </c:ext>
              </c:extLst>
            </c:dLbl>
            <c:dLbl>
              <c:idx val="15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0-3378-48ED-9301-A6D09593C308}"/>
                </c:ext>
              </c:extLst>
            </c:dLbl>
            <c:dLbl>
              <c:idx val="15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1-3378-48ED-9301-A6D09593C308}"/>
                </c:ext>
              </c:extLst>
            </c:dLbl>
            <c:dLbl>
              <c:idx val="15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2-3378-48ED-9301-A6D09593C308}"/>
                </c:ext>
              </c:extLst>
            </c:dLbl>
            <c:dLbl>
              <c:idx val="15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3-3378-48ED-9301-A6D09593C308}"/>
                </c:ext>
              </c:extLst>
            </c:dLbl>
            <c:dLbl>
              <c:idx val="16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4-3378-48ED-9301-A6D09593C308}"/>
                </c:ext>
              </c:extLst>
            </c:dLbl>
            <c:dLbl>
              <c:idx val="16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5-3378-48ED-9301-A6D09593C308}"/>
                </c:ext>
              </c:extLst>
            </c:dLbl>
            <c:dLbl>
              <c:idx val="16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6-3378-48ED-9301-A6D09593C308}"/>
                </c:ext>
              </c:extLst>
            </c:dLbl>
            <c:dLbl>
              <c:idx val="16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7-3378-48ED-9301-A6D09593C308}"/>
                </c:ext>
              </c:extLst>
            </c:dLbl>
            <c:dLbl>
              <c:idx val="16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8-3378-48ED-9301-A6D09593C308}"/>
                </c:ext>
              </c:extLst>
            </c:dLbl>
            <c:dLbl>
              <c:idx val="16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9-3378-48ED-9301-A6D09593C308}"/>
                </c:ext>
              </c:extLst>
            </c:dLbl>
            <c:dLbl>
              <c:idx val="16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A-3378-48ED-9301-A6D09593C308}"/>
                </c:ext>
              </c:extLst>
            </c:dLbl>
            <c:dLbl>
              <c:idx val="16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B-3378-48ED-9301-A6D09593C308}"/>
                </c:ext>
              </c:extLst>
            </c:dLbl>
            <c:dLbl>
              <c:idx val="16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C-3378-48ED-9301-A6D09593C308}"/>
                </c:ext>
              </c:extLst>
            </c:dLbl>
            <c:dLbl>
              <c:idx val="16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D-3378-48ED-9301-A6D09593C308}"/>
                </c:ext>
              </c:extLst>
            </c:dLbl>
            <c:dLbl>
              <c:idx val="17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E-3378-48ED-9301-A6D09593C308}"/>
                </c:ext>
              </c:extLst>
            </c:dLbl>
            <c:dLbl>
              <c:idx val="17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F-3378-48ED-9301-A6D09593C308}"/>
                </c:ext>
              </c:extLst>
            </c:dLbl>
            <c:dLbl>
              <c:idx val="17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0-3378-48ED-9301-A6D09593C308}"/>
                </c:ext>
              </c:extLst>
            </c:dLbl>
            <c:dLbl>
              <c:idx val="17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1-3378-48ED-9301-A6D09593C308}"/>
                </c:ext>
              </c:extLst>
            </c:dLbl>
            <c:dLbl>
              <c:idx val="17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2-3378-48ED-9301-A6D09593C308}"/>
                </c:ext>
              </c:extLst>
            </c:dLbl>
            <c:dLbl>
              <c:idx val="17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3-3378-48ED-9301-A6D09593C308}"/>
                </c:ext>
              </c:extLst>
            </c:dLbl>
            <c:dLbl>
              <c:idx val="17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4-3378-48ED-9301-A6D09593C308}"/>
                </c:ext>
              </c:extLst>
            </c:dLbl>
            <c:dLbl>
              <c:idx val="17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5-3378-48ED-9301-A6D09593C308}"/>
                </c:ext>
              </c:extLst>
            </c:dLbl>
            <c:dLbl>
              <c:idx val="17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6-3378-48ED-9301-A6D09593C308}"/>
                </c:ext>
              </c:extLst>
            </c:dLbl>
            <c:dLbl>
              <c:idx val="17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7-3378-48ED-9301-A6D09593C308}"/>
                </c:ext>
              </c:extLst>
            </c:dLbl>
            <c:dLbl>
              <c:idx val="18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8-3378-48ED-9301-A6D09593C308}"/>
                </c:ext>
              </c:extLst>
            </c:dLbl>
            <c:dLbl>
              <c:idx val="18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9-3378-48ED-9301-A6D09593C308}"/>
                </c:ext>
              </c:extLst>
            </c:dLbl>
            <c:dLbl>
              <c:idx val="18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A-3378-48ED-9301-A6D09593C308}"/>
                </c:ext>
              </c:extLst>
            </c:dLbl>
            <c:dLbl>
              <c:idx val="18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B-3378-48ED-9301-A6D09593C308}"/>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showLeaderLines val="0"/>
            <c:extLst>
              <c:ext xmlns:c15="http://schemas.microsoft.com/office/drawing/2012/chart" uri="{CE6537A1-D6FC-4f65-9D91-7224C49458BB}">
                <c15:showDataLabelsRange val="1"/>
                <c15:showLeaderLines val="1"/>
                <c15:leaderLines>
                  <c:spPr>
                    <a:ln w="9525" cap="flat" cmpd="sng" algn="ctr">
                      <a:solidFill>
                        <a:schemeClr val="tx1">
                          <a:lumMod val="35000"/>
                          <a:lumOff val="65000"/>
                        </a:schemeClr>
                      </a:solidFill>
                      <a:round/>
                    </a:ln>
                    <a:effectLst/>
                  </c:spPr>
                </c15:leaderLines>
              </c:ext>
            </c:extLst>
          </c:dLbls>
          <c:xVal>
            <c:numRef>
              <c:f>'2. Map and Analyse - External'!$H$10:$H$193</c:f>
              <c:numCache>
                <c:formatCode>General</c:formatCode>
                <c:ptCount val="184"/>
                <c:pt idx="0">
                  <c:v>9</c:v>
                </c:pt>
                <c:pt idx="1">
                  <c:v>9</c:v>
                </c:pt>
                <c:pt idx="2">
                  <c:v>8</c:v>
                </c:pt>
                <c:pt idx="3">
                  <c:v>8</c:v>
                </c:pt>
                <c:pt idx="4">
                  <c:v>8</c:v>
                </c:pt>
                <c:pt idx="5">
                  <c:v>8</c:v>
                </c:pt>
                <c:pt idx="6">
                  <c:v>8</c:v>
                </c:pt>
                <c:pt idx="7">
                  <c:v>7</c:v>
                </c:pt>
                <c:pt idx="8">
                  <c:v>10</c:v>
                </c:pt>
                <c:pt idx="9">
                  <c:v>9</c:v>
                </c:pt>
                <c:pt idx="10">
                  <c:v>9</c:v>
                </c:pt>
                <c:pt idx="11">
                  <c:v>9</c:v>
                </c:pt>
                <c:pt idx="12">
                  <c:v>4</c:v>
                </c:pt>
                <c:pt idx="13">
                  <c:v>4</c:v>
                </c:pt>
                <c:pt idx="14">
                  <c:v>8</c:v>
                </c:pt>
                <c:pt idx="15">
                  <c:v>8</c:v>
                </c:pt>
                <c:pt idx="16">
                  <c:v>8</c:v>
                </c:pt>
                <c:pt idx="17">
                  <c:v>8</c:v>
                </c:pt>
                <c:pt idx="18">
                  <c:v>5</c:v>
                </c:pt>
                <c:pt idx="19">
                  <c:v>5</c:v>
                </c:pt>
                <c:pt idx="20">
                  <c:v>5</c:v>
                </c:pt>
                <c:pt idx="21">
                  <c:v>6</c:v>
                </c:pt>
                <c:pt idx="22">
                  <c:v>6</c:v>
                </c:pt>
                <c:pt idx="23">
                  <c:v>6</c:v>
                </c:pt>
                <c:pt idx="24">
                  <c:v>3</c:v>
                </c:pt>
                <c:pt idx="25">
                  <c:v>3</c:v>
                </c:pt>
                <c:pt idx="26">
                  <c:v>3</c:v>
                </c:pt>
                <c:pt idx="27">
                  <c:v>2</c:v>
                </c:pt>
                <c:pt idx="28">
                  <c:v>6</c:v>
                </c:pt>
                <c:pt idx="29">
                  <c:v>5</c:v>
                </c:pt>
                <c:pt idx="30">
                  <c:v>3</c:v>
                </c:pt>
                <c:pt idx="31">
                  <c:v>2</c:v>
                </c:pt>
                <c:pt idx="32">
                  <c:v>5</c:v>
                </c:pt>
                <c:pt idx="33">
                  <c:v>5</c:v>
                </c:pt>
                <c:pt idx="34">
                  <c:v>8</c:v>
                </c:pt>
                <c:pt idx="35">
                  <c:v>8</c:v>
                </c:pt>
                <c:pt idx="36">
                  <c:v>7</c:v>
                </c:pt>
                <c:pt idx="37">
                  <c:v>8</c:v>
                </c:pt>
                <c:pt idx="38">
                  <c:v>8</c:v>
                </c:pt>
                <c:pt idx="39">
                  <c:v>9</c:v>
                </c:pt>
                <c:pt idx="40">
                  <c:v>7</c:v>
                </c:pt>
                <c:pt idx="41">
                  <c:v>2</c:v>
                </c:pt>
                <c:pt idx="42">
                  <c:v>10</c:v>
                </c:pt>
                <c:pt idx="43">
                  <c:v>4</c:v>
                </c:pt>
                <c:pt idx="44">
                  <c:v>4</c:v>
                </c:pt>
                <c:pt idx="45">
                  <c:v>4</c:v>
                </c:pt>
                <c:pt idx="46">
                  <c:v>4</c:v>
                </c:pt>
              </c:numCache>
            </c:numRef>
          </c:xVal>
          <c:yVal>
            <c:numRef>
              <c:f>'2. Map and Analyse - External'!$I$10:$I$193</c:f>
              <c:numCache>
                <c:formatCode>General</c:formatCode>
                <c:ptCount val="184"/>
                <c:pt idx="0">
                  <c:v>9</c:v>
                </c:pt>
                <c:pt idx="1">
                  <c:v>9</c:v>
                </c:pt>
                <c:pt idx="2">
                  <c:v>6</c:v>
                </c:pt>
                <c:pt idx="3">
                  <c:v>8</c:v>
                </c:pt>
                <c:pt idx="4">
                  <c:v>8</c:v>
                </c:pt>
                <c:pt idx="5">
                  <c:v>8</c:v>
                </c:pt>
                <c:pt idx="6">
                  <c:v>8</c:v>
                </c:pt>
                <c:pt idx="7">
                  <c:v>7</c:v>
                </c:pt>
                <c:pt idx="8">
                  <c:v>7</c:v>
                </c:pt>
                <c:pt idx="9">
                  <c:v>6</c:v>
                </c:pt>
                <c:pt idx="10">
                  <c:v>6</c:v>
                </c:pt>
                <c:pt idx="11">
                  <c:v>6</c:v>
                </c:pt>
                <c:pt idx="12">
                  <c:v>4</c:v>
                </c:pt>
                <c:pt idx="13">
                  <c:v>4</c:v>
                </c:pt>
                <c:pt idx="14">
                  <c:v>4</c:v>
                </c:pt>
                <c:pt idx="15">
                  <c:v>4</c:v>
                </c:pt>
                <c:pt idx="16">
                  <c:v>4</c:v>
                </c:pt>
                <c:pt idx="17">
                  <c:v>4</c:v>
                </c:pt>
                <c:pt idx="18">
                  <c:v>2</c:v>
                </c:pt>
                <c:pt idx="19">
                  <c:v>2</c:v>
                </c:pt>
                <c:pt idx="20">
                  <c:v>2</c:v>
                </c:pt>
                <c:pt idx="21">
                  <c:v>6</c:v>
                </c:pt>
                <c:pt idx="22">
                  <c:v>6</c:v>
                </c:pt>
                <c:pt idx="23">
                  <c:v>6</c:v>
                </c:pt>
                <c:pt idx="24">
                  <c:v>4</c:v>
                </c:pt>
                <c:pt idx="25">
                  <c:v>4</c:v>
                </c:pt>
                <c:pt idx="26">
                  <c:v>4</c:v>
                </c:pt>
                <c:pt idx="27">
                  <c:v>3</c:v>
                </c:pt>
                <c:pt idx="28">
                  <c:v>8</c:v>
                </c:pt>
                <c:pt idx="29">
                  <c:v>5</c:v>
                </c:pt>
                <c:pt idx="30">
                  <c:v>3</c:v>
                </c:pt>
                <c:pt idx="31">
                  <c:v>3</c:v>
                </c:pt>
                <c:pt idx="32">
                  <c:v>6</c:v>
                </c:pt>
                <c:pt idx="33">
                  <c:v>6</c:v>
                </c:pt>
                <c:pt idx="34">
                  <c:v>4</c:v>
                </c:pt>
                <c:pt idx="35">
                  <c:v>4</c:v>
                </c:pt>
                <c:pt idx="36">
                  <c:v>4</c:v>
                </c:pt>
                <c:pt idx="37">
                  <c:v>3</c:v>
                </c:pt>
                <c:pt idx="38">
                  <c:v>5</c:v>
                </c:pt>
                <c:pt idx="39">
                  <c:v>3</c:v>
                </c:pt>
                <c:pt idx="40">
                  <c:v>5</c:v>
                </c:pt>
                <c:pt idx="41">
                  <c:v>2</c:v>
                </c:pt>
                <c:pt idx="42">
                  <c:v>8</c:v>
                </c:pt>
                <c:pt idx="43">
                  <c:v>4</c:v>
                </c:pt>
                <c:pt idx="44">
                  <c:v>4</c:v>
                </c:pt>
                <c:pt idx="45">
                  <c:v>4</c:v>
                </c:pt>
                <c:pt idx="46">
                  <c:v>4</c:v>
                </c:pt>
              </c:numCache>
            </c:numRef>
          </c:yVal>
          <c:smooth val="0"/>
          <c:extLst>
            <c:ext xmlns:c15="http://schemas.microsoft.com/office/drawing/2012/chart" uri="{02D57815-91ED-43cb-92C2-25804820EDAC}">
              <c15:datalabelsRange>
                <c15:f>'2. Map and Analyse - External'!$C$10:$C$193</c15:f>
                <c15:dlblRangeCache>
                  <c:ptCount val="184"/>
                  <c:pt idx="0">
                    <c:v>Energy Saving Trust</c:v>
                  </c:pt>
                  <c:pt idx="1">
                    <c:v>Zero Waste Scotland</c:v>
                  </c:pt>
                  <c:pt idx="2">
                    <c:v>Home Energy Scotland</c:v>
                  </c:pt>
                  <c:pt idx="3">
                    <c:v>Scottish Gas Networks</c:v>
                  </c:pt>
                  <c:pt idx="4">
                    <c:v>Scottish Water</c:v>
                  </c:pt>
                  <c:pt idx="5">
                    <c:v>Scottish &amp; Southern Electricity Networks</c:v>
                  </c:pt>
                  <c:pt idx="6">
                    <c:v>Scottish Power Energy Networks</c:v>
                  </c:pt>
                  <c:pt idx="7">
                    <c:v>National Grid</c:v>
                  </c:pt>
                  <c:pt idx="8">
                    <c:v>Local Energy from Waste Plant (SSE)</c:v>
                  </c:pt>
                  <c:pt idx="9">
                    <c:v>Local data centre</c:v>
                  </c:pt>
                  <c:pt idx="10">
                    <c:v>Royal Infirmary</c:v>
                  </c:pt>
                  <c:pt idx="11">
                    <c:v>Ice rink/leisure centre</c:v>
                  </c:pt>
                  <c:pt idx="12">
                    <c:v>Bus operators</c:v>
                  </c:pt>
                  <c:pt idx="13">
                    <c:v>ScotRail</c:v>
                  </c:pt>
                  <c:pt idx="14">
                    <c:v>NHS</c:v>
                  </c:pt>
                  <c:pt idx="15">
                    <c:v>HM Prison Service</c:v>
                  </c:pt>
                  <c:pt idx="16">
                    <c:v>Local schools/colleges</c:v>
                  </c:pt>
                  <c:pt idx="17">
                    <c:v>Leisure centres</c:v>
                  </c:pt>
                  <c:pt idx="18">
                    <c:v>Tenants &amp; owner occupiers</c:v>
                  </c:pt>
                  <c:pt idx="19">
                    <c:v>Private landlords</c:v>
                  </c:pt>
                  <c:pt idx="20">
                    <c:v>Scottish Association of Landlords</c:v>
                  </c:pt>
                  <c:pt idx="21">
                    <c:v>Housing Association</c:v>
                  </c:pt>
                  <c:pt idx="22">
                    <c:v>Housing Development Ltd</c:v>
                  </c:pt>
                  <c:pt idx="23">
                    <c:v>Housing Development Investment Trust</c:v>
                  </c:pt>
                  <c:pt idx="24">
                    <c:v>Chamber of Commerce</c:v>
                  </c:pt>
                  <c:pt idx="25">
                    <c:v>Scottish Futures Trust</c:v>
                  </c:pt>
                  <c:pt idx="26">
                    <c:v>Scottish Enterprise</c:v>
                  </c:pt>
                  <c:pt idx="27">
                    <c:v>National Park Authority</c:v>
                  </c:pt>
                  <c:pt idx="28">
                    <c:v>SEPA</c:v>
                  </c:pt>
                  <c:pt idx="29">
                    <c:v>NatureScot</c:v>
                  </c:pt>
                  <c:pt idx="30">
                    <c:v>Crown Estate Scotland</c:v>
                  </c:pt>
                  <c:pt idx="31">
                    <c:v>Forestry &amp; Land Scotland</c:v>
                  </c:pt>
                  <c:pt idx="32">
                    <c:v>Historic Environment Scotland </c:v>
                  </c:pt>
                  <c:pt idx="33">
                    <c:v>National Trust</c:v>
                  </c:pt>
                  <c:pt idx="34">
                    <c:v>Local housing charity</c:v>
                  </c:pt>
                  <c:pt idx="35">
                    <c:v>Local low carbon heating charity</c:v>
                  </c:pt>
                  <c:pt idx="36">
                    <c:v>Community Development Trust</c:v>
                  </c:pt>
                  <c:pt idx="37">
                    <c:v>Scottish Renewables</c:v>
                  </c:pt>
                  <c:pt idx="38">
                    <c:v>Local Estate/Landowner</c:v>
                  </c:pt>
                  <c:pt idx="39">
                    <c:v>Community climate/energy groups</c:v>
                  </c:pt>
                  <c:pt idx="40">
                    <c:v>National Farmers Union</c:v>
                  </c:pt>
                  <c:pt idx="41">
                    <c:v>Citizens Advice</c:v>
                  </c:pt>
                  <c:pt idx="42">
                    <c:v>Aberdeenshire Council</c:v>
                  </c:pt>
                  <c:pt idx="43">
                    <c:v>Supermarket</c:v>
                  </c:pt>
                  <c:pt idx="44">
                    <c:v>University</c:v>
                  </c:pt>
                  <c:pt idx="45">
                    <c:v>Chemical plant</c:v>
                  </c:pt>
                  <c:pt idx="46">
                    <c:v>Shopping centre</c:v>
                  </c:pt>
                </c15:dlblRangeCache>
              </c15:datalabelsRange>
            </c:ext>
            <c:ext xmlns:c16="http://schemas.microsoft.com/office/drawing/2014/chart" uri="{C3380CC4-5D6E-409C-BE32-E72D297353CC}">
              <c16:uniqueId val="{000000C9-3378-48ED-9301-A6D09593C308}"/>
            </c:ext>
          </c:extLst>
        </c:ser>
        <c:ser>
          <c:idx val="5"/>
          <c:order val="1"/>
          <c:tx>
            <c:strRef>
              <c:f>'2. Map and Analyse - External'!$AW$2</c:f>
              <c:strCache>
                <c:ptCount val="1"/>
                <c:pt idx="0">
                  <c:v>Quadrants</c:v>
                </c:pt>
              </c:strCache>
            </c:strRef>
          </c:tx>
          <c:spPr>
            <a:ln w="25400" cap="rnd">
              <a:noFill/>
              <a:round/>
            </a:ln>
            <a:effectLst/>
          </c:spPr>
          <c:marker>
            <c:symbol val="circle"/>
            <c:size val="5"/>
            <c:spPr>
              <a:noFill/>
              <a:ln w="9525">
                <a:noFill/>
              </a:ln>
              <a:effectLst/>
            </c:spPr>
          </c:marker>
          <c:errBars>
            <c:errDir val="x"/>
            <c:errBarType val="both"/>
            <c:errValType val="percentage"/>
            <c:noEndCap val="1"/>
            <c:val val="100"/>
            <c:spPr>
              <a:noFill/>
              <a:ln w="9525" cap="flat" cmpd="sng" algn="ctr">
                <a:solidFill>
                  <a:schemeClr val="tx1">
                    <a:lumMod val="65000"/>
                    <a:lumOff val="35000"/>
                  </a:schemeClr>
                </a:solidFill>
                <a:round/>
                <a:headEnd type="none"/>
                <a:tailEnd type="triangle"/>
              </a:ln>
              <a:effectLst/>
            </c:spPr>
          </c:errBars>
          <c:errBars>
            <c:errDir val="y"/>
            <c:errBarType val="both"/>
            <c:errValType val="percentage"/>
            <c:noEndCap val="1"/>
            <c:val val="100"/>
            <c:spPr>
              <a:noFill/>
              <a:ln w="9525" cap="flat" cmpd="sng" algn="ctr">
                <a:solidFill>
                  <a:schemeClr val="tx1">
                    <a:lumMod val="65000"/>
                    <a:lumOff val="35000"/>
                  </a:schemeClr>
                </a:solidFill>
                <a:round/>
                <a:tailEnd type="triangle"/>
              </a:ln>
              <a:effectLst/>
            </c:spPr>
          </c:errBars>
          <c:xVal>
            <c:numRef>
              <c:f>'2. Map and Analyse - External'!$AX$2</c:f>
              <c:numCache>
                <c:formatCode>General</c:formatCode>
                <c:ptCount val="1"/>
                <c:pt idx="0">
                  <c:v>5</c:v>
                </c:pt>
              </c:numCache>
            </c:numRef>
          </c:xVal>
          <c:yVal>
            <c:numRef>
              <c:f>'2. Map and Analyse - External'!$AY$2</c:f>
              <c:numCache>
                <c:formatCode>General</c:formatCode>
                <c:ptCount val="1"/>
                <c:pt idx="0">
                  <c:v>5</c:v>
                </c:pt>
              </c:numCache>
            </c:numRef>
          </c:yVal>
          <c:smooth val="0"/>
          <c:extLst>
            <c:ext xmlns:c16="http://schemas.microsoft.com/office/drawing/2014/chart" uri="{C3380CC4-5D6E-409C-BE32-E72D297353CC}">
              <c16:uniqueId val="{000000CA-3378-48ED-9301-A6D09593C308}"/>
            </c:ext>
          </c:extLst>
        </c:ser>
        <c:dLbls>
          <c:showLegendKey val="0"/>
          <c:showVal val="0"/>
          <c:showCatName val="0"/>
          <c:showSerName val="0"/>
          <c:showPercent val="0"/>
          <c:showBubbleSize val="0"/>
        </c:dLbls>
        <c:axId val="1050132911"/>
        <c:axId val="1050134159"/>
      </c:scatterChart>
      <c:valAx>
        <c:axId val="1050132911"/>
        <c:scaling>
          <c:orientation val="minMax"/>
          <c:max val="10"/>
        </c:scaling>
        <c:delete val="0"/>
        <c:axPos val="b"/>
        <c:majorGridlines>
          <c:spPr>
            <a:ln w="9525" cap="flat" cmpd="sng" algn="ctr">
              <a:no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Level of Interest</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50134159"/>
        <c:crosses val="autoZero"/>
        <c:crossBetween val="midCat"/>
      </c:valAx>
      <c:valAx>
        <c:axId val="1050134159"/>
        <c:scaling>
          <c:orientation val="minMax"/>
          <c:max val="10"/>
        </c:scaling>
        <c:delete val="0"/>
        <c:axPos val="l"/>
        <c:majorGridlines>
          <c:spPr>
            <a:ln w="9525" cap="flat" cmpd="sng" algn="ctr">
              <a:solidFill>
                <a:schemeClr val="bg1"/>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Level of Influence</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50132911"/>
        <c:crosses val="autoZero"/>
        <c:crossBetween val="midCat"/>
      </c:valAx>
      <c:spPr>
        <a:noFill/>
        <a:ln w="6350">
          <a:solidFill>
            <a:schemeClr val="tx1"/>
          </a:solid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1" Type="http://schemas.openxmlformats.org/officeDocument/2006/relationships/chart" Target="../charts/chart1.xml"/></Relationships>
</file>

<file path=xl/drawings/_rels/drawing3.xml.rels><?xml version="1.0" encoding="UTF-8" standalone="yes"?>
<Relationships xmlns="http://schemas.openxmlformats.org/package/2006/relationships"><Relationship Id="rId1" Type="http://schemas.openxmlformats.org/officeDocument/2006/relationships/chart" Target="../charts/chart2.xml"/></Relationships>
</file>

<file path=xl/drawings/_rels/drawing4.xml.rels><?xml version="1.0" encoding="UTF-8" standalone="yes"?>
<Relationships xmlns="http://schemas.openxmlformats.org/package/2006/relationships"><Relationship Id="rId1" Type="http://schemas.openxmlformats.org/officeDocument/2006/relationships/image" Target="../media/image2.png"/></Relationships>
</file>

<file path=xl/drawings/drawing1.xml><?xml version="1.0" encoding="utf-8"?>
<xdr:wsDr xmlns:xdr="http://schemas.openxmlformats.org/drawingml/2006/spreadsheetDrawing" xmlns:a="http://schemas.openxmlformats.org/drawingml/2006/main">
  <xdr:twoCellAnchor editAs="oneCell">
    <xdr:from>
      <xdr:col>1</xdr:col>
      <xdr:colOff>7685023</xdr:colOff>
      <xdr:row>1</xdr:row>
      <xdr:rowOff>152400</xdr:rowOff>
    </xdr:from>
    <xdr:to>
      <xdr:col>1</xdr:col>
      <xdr:colOff>8620124</xdr:colOff>
      <xdr:row>3</xdr:row>
      <xdr:rowOff>78371</xdr:rowOff>
    </xdr:to>
    <xdr:pic>
      <xdr:nvPicPr>
        <xdr:cNvPr id="4" name="Picture 3" descr="Partner Profile - Arup — The London Neighbourhood Scholarship Trust">
          <a:extLst>
            <a:ext uri="{FF2B5EF4-FFF2-40B4-BE49-F238E27FC236}">
              <a16:creationId xmlns:a16="http://schemas.microsoft.com/office/drawing/2014/main" id="{48C6E37C-168C-4554-9BA1-E7AF3175FCD4}"/>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8370823" y="333375"/>
          <a:ext cx="935101" cy="440321"/>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1</xdr:col>
      <xdr:colOff>6886574</xdr:colOff>
      <xdr:row>1</xdr:row>
      <xdr:rowOff>41870</xdr:rowOff>
    </xdr:from>
    <xdr:to>
      <xdr:col>1</xdr:col>
      <xdr:colOff>7553324</xdr:colOff>
      <xdr:row>3</xdr:row>
      <xdr:rowOff>190796</xdr:rowOff>
    </xdr:to>
    <xdr:pic>
      <xdr:nvPicPr>
        <xdr:cNvPr id="5" name="Picture 4">
          <a:extLst>
            <a:ext uri="{FF2B5EF4-FFF2-40B4-BE49-F238E27FC236}">
              <a16:creationId xmlns:a16="http://schemas.microsoft.com/office/drawing/2014/main" id="{78D04AA2-E3BB-4106-8AA1-600A7C575A87}"/>
            </a:ext>
          </a:extLst>
        </xdr:cNvPr>
        <xdr:cNvPicPr>
          <a:picLocks noChangeAspect="1"/>
        </xdr:cNvPicPr>
      </xdr:nvPicPr>
      <xdr:blipFill rotWithShape="1">
        <a:blip xmlns:r="http://schemas.openxmlformats.org/officeDocument/2006/relationships" r:embed="rId2"/>
        <a:srcRect l="29672" t="16605" r="30476" b="12915"/>
        <a:stretch/>
      </xdr:blipFill>
      <xdr:spPr>
        <a:xfrm>
          <a:off x="7572374" y="222845"/>
          <a:ext cx="666750" cy="663276"/>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xdr:from>
      <xdr:col>11</xdr:col>
      <xdr:colOff>606233</xdr:colOff>
      <xdr:row>8</xdr:row>
      <xdr:rowOff>214312</xdr:rowOff>
    </xdr:from>
    <xdr:to>
      <xdr:col>31</xdr:col>
      <xdr:colOff>362480</xdr:colOff>
      <xdr:row>30</xdr:row>
      <xdr:rowOff>142875</xdr:rowOff>
    </xdr:to>
    <xdr:grpSp>
      <xdr:nvGrpSpPr>
        <xdr:cNvPr id="17" name="Group 16">
          <a:extLst>
            <a:ext uri="{FF2B5EF4-FFF2-40B4-BE49-F238E27FC236}">
              <a16:creationId xmlns:a16="http://schemas.microsoft.com/office/drawing/2014/main" id="{E49B757F-2608-766E-DFC9-9DB89EB507CE}"/>
            </a:ext>
          </a:extLst>
        </xdr:cNvPr>
        <xdr:cNvGrpSpPr/>
      </xdr:nvGrpSpPr>
      <xdr:grpSpPr>
        <a:xfrm>
          <a:off x="24980708" y="1913572"/>
          <a:ext cx="13476057" cy="7118033"/>
          <a:chOff x="17894924" y="2014168"/>
          <a:chExt cx="9977439" cy="10506425"/>
        </a:xfrm>
      </xdr:grpSpPr>
      <xdr:graphicFrame macro="">
        <xdr:nvGraphicFramePr>
          <xdr:cNvPr id="2" name="Chart 1">
            <a:extLst>
              <a:ext uri="{FF2B5EF4-FFF2-40B4-BE49-F238E27FC236}">
                <a16:creationId xmlns:a16="http://schemas.microsoft.com/office/drawing/2014/main" id="{8B9BD29F-184E-FC58-7E92-83ABC3DD9C38}"/>
              </a:ext>
            </a:extLst>
          </xdr:cNvPr>
          <xdr:cNvGraphicFramePr/>
        </xdr:nvGraphicFramePr>
        <xdr:xfrm>
          <a:off x="17894924" y="2014168"/>
          <a:ext cx="9977439" cy="10506425"/>
        </xdr:xfrm>
        <a:graphic>
          <a:graphicData uri="http://schemas.openxmlformats.org/drawingml/2006/chart">
            <c:chart xmlns:c="http://schemas.openxmlformats.org/drawingml/2006/chart" xmlns:r="http://schemas.openxmlformats.org/officeDocument/2006/relationships" r:id="rId1"/>
          </a:graphicData>
        </a:graphic>
      </xdr:graphicFrame>
      <xdr:sp macro="" textlink="">
        <xdr:nvSpPr>
          <xdr:cNvPr id="10" name="TextBox 9">
            <a:extLst>
              <a:ext uri="{FF2B5EF4-FFF2-40B4-BE49-F238E27FC236}">
                <a16:creationId xmlns:a16="http://schemas.microsoft.com/office/drawing/2014/main" id="{F7C35F07-4AD6-7441-0660-21AD3EE321AB}"/>
              </a:ext>
            </a:extLst>
          </xdr:cNvPr>
          <xdr:cNvSpPr txBox="1"/>
        </xdr:nvSpPr>
        <xdr:spPr>
          <a:xfrm>
            <a:off x="19667176" y="2757975"/>
            <a:ext cx="1943388" cy="464020"/>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2: Keep satisfied,</a:t>
            </a:r>
            <a:r>
              <a:rPr lang="en-GB" sz="1200" b="1" baseline="0"/>
              <a:t> meet needs</a:t>
            </a:r>
            <a:endParaRPr lang="en-GB" sz="1200" b="1"/>
          </a:p>
        </xdr:txBody>
      </xdr:sp>
      <xdr:sp macro="" textlink="">
        <xdr:nvSpPr>
          <xdr:cNvPr id="11" name="TextBox 10">
            <a:extLst>
              <a:ext uri="{FF2B5EF4-FFF2-40B4-BE49-F238E27FC236}">
                <a16:creationId xmlns:a16="http://schemas.microsoft.com/office/drawing/2014/main" id="{BBA68900-AA06-4518-9F17-18DCDD8994DE}"/>
              </a:ext>
            </a:extLst>
          </xdr:cNvPr>
          <xdr:cNvSpPr txBox="1"/>
        </xdr:nvSpPr>
        <xdr:spPr>
          <a:xfrm>
            <a:off x="24308660" y="2804116"/>
            <a:ext cx="1763858" cy="497726"/>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1: Key player, engage closely</a:t>
            </a:r>
          </a:p>
        </xdr:txBody>
      </xdr:sp>
      <xdr:sp macro="" textlink="">
        <xdr:nvSpPr>
          <xdr:cNvPr id="12" name="TextBox 11">
            <a:extLst>
              <a:ext uri="{FF2B5EF4-FFF2-40B4-BE49-F238E27FC236}">
                <a16:creationId xmlns:a16="http://schemas.microsoft.com/office/drawing/2014/main" id="{947304B0-4A83-4E90-A3C2-97BDC5BD1CD8}"/>
              </a:ext>
            </a:extLst>
          </xdr:cNvPr>
          <xdr:cNvSpPr txBox="1"/>
        </xdr:nvSpPr>
        <xdr:spPr>
          <a:xfrm>
            <a:off x="24336164" y="11927587"/>
            <a:ext cx="2191611" cy="432278"/>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3: Keep informed,</a:t>
            </a:r>
            <a:r>
              <a:rPr lang="en-GB" sz="1200" b="1" baseline="0"/>
              <a:t> show consideration</a:t>
            </a:r>
            <a:endParaRPr lang="en-GB" sz="1200" b="1"/>
          </a:p>
        </xdr:txBody>
      </xdr:sp>
      <xdr:sp macro="" textlink="">
        <xdr:nvSpPr>
          <xdr:cNvPr id="16" name="TextBox 15">
            <a:extLst>
              <a:ext uri="{FF2B5EF4-FFF2-40B4-BE49-F238E27FC236}">
                <a16:creationId xmlns:a16="http://schemas.microsoft.com/office/drawing/2014/main" id="{F91E0073-89F8-4C54-BA55-82C8605715E6}"/>
              </a:ext>
            </a:extLst>
          </xdr:cNvPr>
          <xdr:cNvSpPr txBox="1"/>
        </xdr:nvSpPr>
        <xdr:spPr>
          <a:xfrm>
            <a:off x="19503510" y="11951913"/>
            <a:ext cx="2068762" cy="373890"/>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4:</a:t>
            </a:r>
            <a:r>
              <a:rPr lang="en-GB" sz="1200" b="1" baseline="0"/>
              <a:t> Least important, minimal effort</a:t>
            </a:r>
            <a:endParaRPr lang="en-GB" sz="1200" b="1"/>
          </a:p>
        </xdr:txBody>
      </xdr:sp>
    </xdr:grpSp>
    <xdr:clientData/>
  </xdr:twoCellAnchor>
</xdr:wsDr>
</file>

<file path=xl/drawings/drawing3.xml><?xml version="1.0" encoding="utf-8"?>
<xdr:wsDr xmlns:xdr="http://schemas.openxmlformats.org/drawingml/2006/spreadsheetDrawing" xmlns:a="http://schemas.openxmlformats.org/drawingml/2006/main">
  <xdr:twoCellAnchor>
    <xdr:from>
      <xdr:col>11</xdr:col>
      <xdr:colOff>641951</xdr:colOff>
      <xdr:row>8</xdr:row>
      <xdr:rowOff>83343</xdr:rowOff>
    </xdr:from>
    <xdr:to>
      <xdr:col>31</xdr:col>
      <xdr:colOff>398198</xdr:colOff>
      <xdr:row>40</xdr:row>
      <xdr:rowOff>130968</xdr:rowOff>
    </xdr:to>
    <xdr:grpSp>
      <xdr:nvGrpSpPr>
        <xdr:cNvPr id="2" name="Group 1">
          <a:extLst>
            <a:ext uri="{FF2B5EF4-FFF2-40B4-BE49-F238E27FC236}">
              <a16:creationId xmlns:a16="http://schemas.microsoft.com/office/drawing/2014/main" id="{E8BAABAC-8F1F-4A21-965D-7C0563939973}"/>
            </a:ext>
          </a:extLst>
        </xdr:cNvPr>
        <xdr:cNvGrpSpPr/>
      </xdr:nvGrpSpPr>
      <xdr:grpSpPr>
        <a:xfrm>
          <a:off x="24294431" y="1776888"/>
          <a:ext cx="13474152" cy="9464040"/>
          <a:chOff x="17894924" y="2014168"/>
          <a:chExt cx="9977439" cy="10506425"/>
        </a:xfrm>
      </xdr:grpSpPr>
      <xdr:graphicFrame macro="">
        <xdr:nvGraphicFramePr>
          <xdr:cNvPr id="3" name="Chart 2">
            <a:extLst>
              <a:ext uri="{FF2B5EF4-FFF2-40B4-BE49-F238E27FC236}">
                <a16:creationId xmlns:a16="http://schemas.microsoft.com/office/drawing/2014/main" id="{B332FACB-5EDC-204E-E388-8BDE4EC831C2}"/>
              </a:ext>
            </a:extLst>
          </xdr:cNvPr>
          <xdr:cNvGraphicFramePr/>
        </xdr:nvGraphicFramePr>
        <xdr:xfrm>
          <a:off x="17894924" y="2014168"/>
          <a:ext cx="9977439" cy="10506425"/>
        </xdr:xfrm>
        <a:graphic>
          <a:graphicData uri="http://schemas.openxmlformats.org/drawingml/2006/chart">
            <c:chart xmlns:c="http://schemas.openxmlformats.org/drawingml/2006/chart" xmlns:r="http://schemas.openxmlformats.org/officeDocument/2006/relationships" r:id="rId1"/>
          </a:graphicData>
        </a:graphic>
      </xdr:graphicFrame>
      <xdr:sp macro="" textlink="">
        <xdr:nvSpPr>
          <xdr:cNvPr id="4" name="TextBox 3">
            <a:extLst>
              <a:ext uri="{FF2B5EF4-FFF2-40B4-BE49-F238E27FC236}">
                <a16:creationId xmlns:a16="http://schemas.microsoft.com/office/drawing/2014/main" id="{3EC32442-9C0E-9F39-76F9-4D9E23F132C6}"/>
              </a:ext>
            </a:extLst>
          </xdr:cNvPr>
          <xdr:cNvSpPr txBox="1"/>
        </xdr:nvSpPr>
        <xdr:spPr>
          <a:xfrm>
            <a:off x="19667176" y="2757975"/>
            <a:ext cx="1943388" cy="464020"/>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2: Keep satisfied,</a:t>
            </a:r>
            <a:r>
              <a:rPr lang="en-GB" sz="1200" b="1" baseline="0"/>
              <a:t> meet needs</a:t>
            </a:r>
            <a:endParaRPr lang="en-GB" sz="1200" b="1"/>
          </a:p>
        </xdr:txBody>
      </xdr:sp>
      <xdr:sp macro="" textlink="">
        <xdr:nvSpPr>
          <xdr:cNvPr id="5" name="TextBox 4">
            <a:extLst>
              <a:ext uri="{FF2B5EF4-FFF2-40B4-BE49-F238E27FC236}">
                <a16:creationId xmlns:a16="http://schemas.microsoft.com/office/drawing/2014/main" id="{2F43AC0F-F963-77DD-B650-409CF13B6355}"/>
              </a:ext>
            </a:extLst>
          </xdr:cNvPr>
          <xdr:cNvSpPr txBox="1"/>
        </xdr:nvSpPr>
        <xdr:spPr>
          <a:xfrm>
            <a:off x="24308660" y="2804116"/>
            <a:ext cx="1763858" cy="497726"/>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1: Key player, engage closely</a:t>
            </a:r>
          </a:p>
        </xdr:txBody>
      </xdr:sp>
      <xdr:sp macro="" textlink="">
        <xdr:nvSpPr>
          <xdr:cNvPr id="6" name="TextBox 5">
            <a:extLst>
              <a:ext uri="{FF2B5EF4-FFF2-40B4-BE49-F238E27FC236}">
                <a16:creationId xmlns:a16="http://schemas.microsoft.com/office/drawing/2014/main" id="{00986309-9550-D95E-8389-EBCF520D66FC}"/>
              </a:ext>
            </a:extLst>
          </xdr:cNvPr>
          <xdr:cNvSpPr txBox="1"/>
        </xdr:nvSpPr>
        <xdr:spPr>
          <a:xfrm>
            <a:off x="24336164" y="11927587"/>
            <a:ext cx="2191611" cy="432278"/>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3: Keep informed,</a:t>
            </a:r>
            <a:r>
              <a:rPr lang="en-GB" sz="1200" b="1" baseline="0"/>
              <a:t> show consideration</a:t>
            </a:r>
            <a:endParaRPr lang="en-GB" sz="1200" b="1"/>
          </a:p>
        </xdr:txBody>
      </xdr:sp>
      <xdr:sp macro="" textlink="">
        <xdr:nvSpPr>
          <xdr:cNvPr id="7" name="TextBox 6">
            <a:extLst>
              <a:ext uri="{FF2B5EF4-FFF2-40B4-BE49-F238E27FC236}">
                <a16:creationId xmlns:a16="http://schemas.microsoft.com/office/drawing/2014/main" id="{02016AFB-5E2F-2D3B-213D-EA6390E9E346}"/>
              </a:ext>
            </a:extLst>
          </xdr:cNvPr>
          <xdr:cNvSpPr txBox="1"/>
        </xdr:nvSpPr>
        <xdr:spPr>
          <a:xfrm>
            <a:off x="19503510" y="11951913"/>
            <a:ext cx="2068762" cy="373890"/>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4:</a:t>
            </a:r>
            <a:r>
              <a:rPr lang="en-GB" sz="1200" b="1" baseline="0"/>
              <a:t> Least important, minimal effort</a:t>
            </a:r>
            <a:endParaRPr lang="en-GB" sz="1200" b="1"/>
          </a:p>
        </xdr:txBody>
      </xdr:sp>
    </xdr:grpSp>
    <xdr:clientData/>
  </xdr:twoCellAnchor>
</xdr:wsDr>
</file>

<file path=xl/drawings/drawing4.xml><?xml version="1.0" encoding="utf-8"?>
<xdr:wsDr xmlns:xdr="http://schemas.openxmlformats.org/drawingml/2006/spreadsheetDrawing" xmlns:a="http://schemas.openxmlformats.org/drawingml/2006/main">
  <xdr:twoCellAnchor editAs="oneCell">
    <xdr:from>
      <xdr:col>1</xdr:col>
      <xdr:colOff>828675</xdr:colOff>
      <xdr:row>3</xdr:row>
      <xdr:rowOff>76200</xdr:rowOff>
    </xdr:from>
    <xdr:to>
      <xdr:col>1</xdr:col>
      <xdr:colOff>1695450</xdr:colOff>
      <xdr:row>3</xdr:row>
      <xdr:rowOff>938459</xdr:rowOff>
    </xdr:to>
    <xdr:pic>
      <xdr:nvPicPr>
        <xdr:cNvPr id="2" name="Picture 1">
          <a:extLst>
            <a:ext uri="{FF2B5EF4-FFF2-40B4-BE49-F238E27FC236}">
              <a16:creationId xmlns:a16="http://schemas.microsoft.com/office/drawing/2014/main" id="{612D164B-0BE6-42E0-8934-77CD8EAAA970}"/>
            </a:ext>
          </a:extLst>
        </xdr:cNvPr>
        <xdr:cNvPicPr>
          <a:picLocks noChangeAspect="1"/>
        </xdr:cNvPicPr>
      </xdr:nvPicPr>
      <xdr:blipFill rotWithShape="1">
        <a:blip xmlns:r="http://schemas.openxmlformats.org/officeDocument/2006/relationships" r:embed="rId1"/>
        <a:srcRect l="29672" t="16605" r="30476" b="12915"/>
        <a:stretch/>
      </xdr:blipFill>
      <xdr:spPr>
        <a:xfrm>
          <a:off x="1514475" y="657225"/>
          <a:ext cx="866775" cy="862259"/>
        </a:xfrm>
        <a:prstGeom prst="rect">
          <a:avLst/>
        </a:prstGeom>
      </xdr:spPr>
    </xdr:pic>
    <xdr:clientData/>
  </xdr:twoCellAnchor>
</xdr:wsDr>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printerSettings" Target="../printerSettings/printerSettings1.bin"/><Relationship Id="rId1" Type="http://schemas.openxmlformats.org/officeDocument/2006/relationships/hyperlink" Target="https://www.gov.scot/binaries/content/documents/govscot/publications/advice-and-guidance/2022/10/local-heat-energy-efficiency-strategies-delivery-plans-guidance/documents/local-heat-energy-efficiency-strategies-delivery-plans-guidance/local-heat-energy-efficiency-strategies-delivery-plans-guidance/govscot%3Adocument/local-heat-energy-efficiency-strategies-delivery-plans-guidance.pdf" TargetMode="Externa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3" Type="http://schemas.openxmlformats.org/officeDocument/2006/relationships/hyperlink" Target="mailto:abcd@council.gov.uk" TargetMode="External"/><Relationship Id="rId2" Type="http://schemas.openxmlformats.org/officeDocument/2006/relationships/hyperlink" Target="mailto:abcd@council.gov.uk" TargetMode="External"/><Relationship Id="rId1" Type="http://schemas.openxmlformats.org/officeDocument/2006/relationships/hyperlink" Target="mailto:abcd@council.gov.uk" TargetMode="External"/><Relationship Id="rId5" Type="http://schemas.openxmlformats.org/officeDocument/2006/relationships/drawing" Target="../drawings/drawing2.xml"/><Relationship Id="rId4"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3" Type="http://schemas.openxmlformats.org/officeDocument/2006/relationships/hyperlink" Target="mailto:abcd@org.com" TargetMode="External"/><Relationship Id="rId2" Type="http://schemas.openxmlformats.org/officeDocument/2006/relationships/hyperlink" Target="mailto:abcd@org.com" TargetMode="External"/><Relationship Id="rId1" Type="http://schemas.openxmlformats.org/officeDocument/2006/relationships/hyperlink" Target="mailto:abcd@org.com" TargetMode="External"/><Relationship Id="rId5" Type="http://schemas.openxmlformats.org/officeDocument/2006/relationships/drawing" Target="../drawings/drawing3.xml"/><Relationship Id="rId4"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3" Type="http://schemas.openxmlformats.org/officeDocument/2006/relationships/hyperlink" Target="https://www.spab.org.uk/" TargetMode="External"/><Relationship Id="rId2" Type="http://schemas.openxmlformats.org/officeDocument/2006/relationships/hyperlink" Target="https://www.shbt.org.uk/" TargetMode="External"/><Relationship Id="rId1" Type="http://schemas.openxmlformats.org/officeDocument/2006/relationships/hyperlink" Target="mailto:Jamie.Gregory@gov.scot" TargetMode="External"/><Relationship Id="rId6" Type="http://schemas.openxmlformats.org/officeDocument/2006/relationships/drawing" Target="../drawings/drawing4.xml"/><Relationship Id="rId5" Type="http://schemas.openxmlformats.org/officeDocument/2006/relationships/printerSettings" Target="../printerSettings/printerSettings7.bin"/><Relationship Id="rId4" Type="http://schemas.openxmlformats.org/officeDocument/2006/relationships/hyperlink" Target="https://www.ahss.org.uk/"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D504E6-FF23-42EF-A4AB-971259469FAD}">
  <dimension ref="B3:B28"/>
  <sheetViews>
    <sheetView tabSelected="1" workbookViewId="0">
      <selection activeCell="B20" sqref="B20"/>
    </sheetView>
  </sheetViews>
  <sheetFormatPr defaultRowHeight="14.25" x14ac:dyDescent="0.2"/>
  <cols>
    <col min="2" max="2" width="114.875" bestFit="1" customWidth="1"/>
  </cols>
  <sheetData>
    <row r="3" spans="2:2" ht="26.25" x14ac:dyDescent="0.4">
      <c r="B3" s="54" t="s">
        <v>0</v>
      </c>
    </row>
    <row r="4" spans="2:2" ht="18.75" x14ac:dyDescent="0.3">
      <c r="B4" s="55" t="s">
        <v>1</v>
      </c>
    </row>
    <row r="5" spans="2:2" x14ac:dyDescent="0.2">
      <c r="B5" s="181" t="s">
        <v>394</v>
      </c>
    </row>
    <row r="7" spans="2:2" ht="15" x14ac:dyDescent="0.25">
      <c r="B7" s="53" t="s">
        <v>2</v>
      </c>
    </row>
    <row r="8" spans="2:2" ht="15" x14ac:dyDescent="0.25">
      <c r="B8" s="53" t="s">
        <v>3</v>
      </c>
    </row>
    <row r="9" spans="2:2" ht="15" x14ac:dyDescent="0.25">
      <c r="B9" s="53"/>
    </row>
    <row r="10" spans="2:2" ht="15" x14ac:dyDescent="0.25">
      <c r="B10" s="53" t="s">
        <v>4</v>
      </c>
    </row>
    <row r="11" spans="2:2" ht="15" x14ac:dyDescent="0.25">
      <c r="B11" s="53"/>
    </row>
    <row r="12" spans="2:2" ht="15" x14ac:dyDescent="0.25">
      <c r="B12" s="53" t="s">
        <v>5</v>
      </c>
    </row>
    <row r="13" spans="2:2" ht="15" x14ac:dyDescent="0.25">
      <c r="B13" s="53" t="s">
        <v>6</v>
      </c>
    </row>
    <row r="14" spans="2:2" ht="15" x14ac:dyDescent="0.25">
      <c r="B14" s="53" t="s">
        <v>7</v>
      </c>
    </row>
    <row r="15" spans="2:2" ht="15" x14ac:dyDescent="0.25">
      <c r="B15" s="53" t="s">
        <v>8</v>
      </c>
    </row>
    <row r="16" spans="2:2" ht="15" x14ac:dyDescent="0.25">
      <c r="B16" s="53"/>
    </row>
    <row r="17" spans="2:2" ht="15" x14ac:dyDescent="0.25">
      <c r="B17" s="53" t="s">
        <v>9</v>
      </c>
    </row>
    <row r="21" spans="2:2" ht="28.5" x14ac:dyDescent="0.2">
      <c r="B21" s="49" t="s">
        <v>10</v>
      </c>
    </row>
    <row r="22" spans="2:2" x14ac:dyDescent="0.2">
      <c r="B22" s="4"/>
    </row>
    <row r="23" spans="2:2" x14ac:dyDescent="0.2">
      <c r="B23" s="50" t="s">
        <v>11</v>
      </c>
    </row>
    <row r="24" spans="2:2" ht="30" x14ac:dyDescent="0.25">
      <c r="B24" s="51" t="s">
        <v>12</v>
      </c>
    </row>
    <row r="25" spans="2:2" ht="35.25" customHeight="1" x14ac:dyDescent="0.25">
      <c r="B25" s="51" t="s">
        <v>13</v>
      </c>
    </row>
    <row r="26" spans="2:2" ht="30" x14ac:dyDescent="0.25">
      <c r="B26" s="51" t="s">
        <v>14</v>
      </c>
    </row>
    <row r="27" spans="2:2" ht="30" x14ac:dyDescent="0.25">
      <c r="B27" s="51" t="s">
        <v>15</v>
      </c>
    </row>
    <row r="28" spans="2:2" ht="75" x14ac:dyDescent="0.2">
      <c r="B28" s="52" t="s">
        <v>16</v>
      </c>
    </row>
  </sheetData>
  <hyperlinks>
    <hyperlink ref="B21" r:id="rId1" display="https://www.gov.scot/binaries/content/documents/govscot/publications/advice-and-guidance/2022/10/local-heat-energy-efficiency-strategies-delivery-plans-guidance/documents/local-heat-energy-efficiency-strategies-delivery-plans-guidance/local-heat-energy-efficiency-strategies-delivery-plans-guidance/govscot%3Adocument/local-heat-energy-efficiency-strategies-delivery-plans-guidance.pdf" xr:uid="{F1CA987A-0C66-4AE7-B633-C37EFF8A8792}"/>
  </hyperlinks>
  <pageMargins left="0.7" right="0.7" top="0.75" bottom="0.75" header="0.3" footer="0.3"/>
  <pageSetup paperSize="9" orientation="portrait" horizontalDpi="300" verticalDpi="300" r:id="rId2"/>
  <drawing r:id="rId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9508F8-5F18-4C33-AB72-901B280A2779}">
  <dimension ref="B1:L63"/>
  <sheetViews>
    <sheetView zoomScale="80" zoomScaleNormal="80" workbookViewId="0">
      <selection activeCell="I52" sqref="I52"/>
    </sheetView>
  </sheetViews>
  <sheetFormatPr defaultRowHeight="14.25" x14ac:dyDescent="0.2"/>
  <cols>
    <col min="1" max="1" width="5.625" customWidth="1"/>
    <col min="2" max="2" width="41.875" customWidth="1"/>
    <col min="3" max="5" width="37.625" customWidth="1"/>
    <col min="6" max="8" width="5.625" customWidth="1"/>
    <col min="9" max="12" width="37.625" customWidth="1"/>
  </cols>
  <sheetData>
    <row r="1" spans="2:2" ht="23.25" x14ac:dyDescent="0.35">
      <c r="B1" s="56" t="s">
        <v>17</v>
      </c>
    </row>
    <row r="2" spans="2:2" ht="15" x14ac:dyDescent="0.25">
      <c r="B2" s="53"/>
    </row>
    <row r="3" spans="2:2" ht="15" x14ac:dyDescent="0.25">
      <c r="B3" s="53" t="s">
        <v>18</v>
      </c>
    </row>
    <row r="4" spans="2:2" ht="15" x14ac:dyDescent="0.2">
      <c r="B4" s="57" t="s">
        <v>19</v>
      </c>
    </row>
    <row r="5" spans="2:2" ht="15" x14ac:dyDescent="0.2">
      <c r="B5" s="57" t="s">
        <v>20</v>
      </c>
    </row>
    <row r="6" spans="2:2" ht="15" x14ac:dyDescent="0.2">
      <c r="B6" s="57" t="s">
        <v>21</v>
      </c>
    </row>
    <row r="7" spans="2:2" ht="15" x14ac:dyDescent="0.25">
      <c r="B7" s="53" t="s">
        <v>22</v>
      </c>
    </row>
    <row r="8" spans="2:2" ht="15" x14ac:dyDescent="0.2">
      <c r="B8" s="57"/>
    </row>
    <row r="9" spans="2:2" ht="15" x14ac:dyDescent="0.25">
      <c r="B9" s="53" t="s">
        <v>23</v>
      </c>
    </row>
    <row r="10" spans="2:2" ht="15" x14ac:dyDescent="0.2">
      <c r="B10" s="57" t="s">
        <v>24</v>
      </c>
    </row>
    <row r="11" spans="2:2" ht="15" x14ac:dyDescent="0.2">
      <c r="B11" s="57" t="s">
        <v>25</v>
      </c>
    </row>
    <row r="12" spans="2:2" ht="15" x14ac:dyDescent="0.2">
      <c r="B12" s="57" t="s">
        <v>26</v>
      </c>
    </row>
    <row r="13" spans="2:2" ht="15" x14ac:dyDescent="0.2">
      <c r="B13" s="57" t="s">
        <v>27</v>
      </c>
    </row>
    <row r="14" spans="2:2" ht="15" x14ac:dyDescent="0.2">
      <c r="B14" s="57" t="s">
        <v>28</v>
      </c>
    </row>
    <row r="15" spans="2:2" x14ac:dyDescent="0.2">
      <c r="B15" s="1"/>
    </row>
    <row r="16" spans="2:2" ht="15" thickBot="1" x14ac:dyDescent="0.25"/>
    <row r="17" spans="2:12" ht="24.95" customHeight="1" x14ac:dyDescent="0.2">
      <c r="B17" s="185" t="s">
        <v>29</v>
      </c>
      <c r="C17" s="186"/>
      <c r="D17" s="186"/>
      <c r="E17" s="187"/>
      <c r="I17" s="185" t="s">
        <v>30</v>
      </c>
      <c r="J17" s="186"/>
      <c r="K17" s="186"/>
      <c r="L17" s="187"/>
    </row>
    <row r="18" spans="2:12" ht="24.95" customHeight="1" x14ac:dyDescent="0.2">
      <c r="B18" s="182" t="s">
        <v>31</v>
      </c>
      <c r="C18" s="183"/>
      <c r="D18" s="183" t="s">
        <v>32</v>
      </c>
      <c r="E18" s="184"/>
      <c r="I18" s="182" t="s">
        <v>31</v>
      </c>
      <c r="J18" s="183"/>
      <c r="K18" s="183" t="s">
        <v>32</v>
      </c>
      <c r="L18" s="184"/>
    </row>
    <row r="19" spans="2:12" ht="24.95" customHeight="1" x14ac:dyDescent="0.2">
      <c r="B19" s="58" t="s">
        <v>33</v>
      </c>
      <c r="C19" s="59" t="s">
        <v>34</v>
      </c>
      <c r="D19" s="59" t="s">
        <v>33</v>
      </c>
      <c r="E19" s="60" t="s">
        <v>34</v>
      </c>
      <c r="I19" s="58" t="s">
        <v>33</v>
      </c>
      <c r="J19" s="59" t="s">
        <v>34</v>
      </c>
      <c r="K19" s="59" t="s">
        <v>33</v>
      </c>
      <c r="L19" s="60" t="s">
        <v>34</v>
      </c>
    </row>
    <row r="20" spans="2:12" ht="15" x14ac:dyDescent="0.25">
      <c r="B20" s="61" t="s">
        <v>35</v>
      </c>
      <c r="C20" s="62" t="s">
        <v>36</v>
      </c>
      <c r="D20" s="72" t="s">
        <v>37</v>
      </c>
      <c r="E20" s="151" t="s">
        <v>267</v>
      </c>
      <c r="I20" s="152" t="s">
        <v>268</v>
      </c>
      <c r="J20" s="153" t="s">
        <v>269</v>
      </c>
      <c r="K20" s="79" t="s">
        <v>39</v>
      </c>
      <c r="L20" s="64" t="s">
        <v>40</v>
      </c>
    </row>
    <row r="21" spans="2:12" ht="15" x14ac:dyDescent="0.25">
      <c r="B21" s="142" t="s">
        <v>329</v>
      </c>
      <c r="C21" s="141" t="s">
        <v>250</v>
      </c>
      <c r="D21" s="141" t="s">
        <v>249</v>
      </c>
      <c r="E21" s="144" t="s">
        <v>298</v>
      </c>
      <c r="I21" s="143" t="s">
        <v>278</v>
      </c>
      <c r="J21" s="146" t="s">
        <v>232</v>
      </c>
      <c r="K21" s="145" t="s">
        <v>305</v>
      </c>
      <c r="L21" s="144" t="s">
        <v>308</v>
      </c>
    </row>
    <row r="22" spans="2:12" ht="15" x14ac:dyDescent="0.25">
      <c r="B22" s="65"/>
      <c r="C22" s="141" t="s">
        <v>301</v>
      </c>
      <c r="D22" s="67"/>
      <c r="E22" s="158" t="s">
        <v>299</v>
      </c>
      <c r="I22" s="143" t="s">
        <v>310</v>
      </c>
      <c r="J22" s="146" t="s">
        <v>259</v>
      </c>
      <c r="K22" s="145" t="s">
        <v>313</v>
      </c>
      <c r="L22" s="144" t="s">
        <v>307</v>
      </c>
    </row>
    <row r="23" spans="2:12" ht="15" x14ac:dyDescent="0.25">
      <c r="B23" s="70" t="s">
        <v>43</v>
      </c>
      <c r="C23" s="159"/>
      <c r="D23" s="72" t="s">
        <v>45</v>
      </c>
      <c r="E23" s="68"/>
      <c r="I23" s="143" t="s">
        <v>311</v>
      </c>
      <c r="J23" s="146" t="s">
        <v>270</v>
      </c>
      <c r="K23" s="145" t="s">
        <v>321</v>
      </c>
      <c r="L23" s="144" t="s">
        <v>322</v>
      </c>
    </row>
    <row r="24" spans="2:12" ht="15" x14ac:dyDescent="0.25">
      <c r="B24" s="142" t="s">
        <v>295</v>
      </c>
      <c r="C24" s="72" t="s">
        <v>44</v>
      </c>
      <c r="D24" s="141" t="s">
        <v>251</v>
      </c>
      <c r="E24" s="64" t="s">
        <v>46</v>
      </c>
      <c r="I24" s="143"/>
      <c r="J24" s="53" t="s">
        <v>316</v>
      </c>
      <c r="K24" s="67"/>
      <c r="L24" s="144" t="s">
        <v>306</v>
      </c>
    </row>
    <row r="25" spans="2:12" ht="15" x14ac:dyDescent="0.25">
      <c r="B25" s="142" t="s">
        <v>260</v>
      </c>
      <c r="C25" s="159" t="s">
        <v>253</v>
      </c>
      <c r="D25" s="141" t="s">
        <v>252</v>
      </c>
      <c r="E25" s="144" t="s">
        <v>325</v>
      </c>
      <c r="I25" s="61" t="s">
        <v>41</v>
      </c>
      <c r="K25" s="72" t="s">
        <v>49</v>
      </c>
      <c r="L25" s="144" t="s">
        <v>323</v>
      </c>
    </row>
    <row r="26" spans="2:12" ht="15" x14ac:dyDescent="0.25">
      <c r="B26" s="65"/>
      <c r="C26" s="159" t="s">
        <v>302</v>
      </c>
      <c r="D26" s="140"/>
      <c r="E26" s="144"/>
      <c r="I26" s="143" t="s">
        <v>274</v>
      </c>
      <c r="J26" s="71" t="s">
        <v>42</v>
      </c>
      <c r="K26" s="145" t="s">
        <v>303</v>
      </c>
      <c r="L26" s="69"/>
    </row>
    <row r="27" spans="2:12" ht="15" x14ac:dyDescent="0.25">
      <c r="B27" s="70" t="s">
        <v>55</v>
      </c>
      <c r="C27" s="140"/>
      <c r="D27" s="72" t="s">
        <v>51</v>
      </c>
      <c r="E27" s="64" t="s">
        <v>52</v>
      </c>
      <c r="I27" s="143" t="s">
        <v>275</v>
      </c>
      <c r="J27" s="157" t="s">
        <v>330</v>
      </c>
      <c r="K27" s="145" t="s">
        <v>304</v>
      </c>
      <c r="L27" s="64" t="s">
        <v>58</v>
      </c>
    </row>
    <row r="28" spans="2:12" ht="15" x14ac:dyDescent="0.25">
      <c r="B28" s="142" t="s">
        <v>360</v>
      </c>
      <c r="C28" s="72" t="s">
        <v>50</v>
      </c>
      <c r="D28" s="141" t="s">
        <v>328</v>
      </c>
      <c r="E28" s="69" t="s">
        <v>254</v>
      </c>
      <c r="I28" s="143" t="s">
        <v>276</v>
      </c>
      <c r="J28" s="157" t="s">
        <v>296</v>
      </c>
      <c r="K28" s="67" t="s">
        <v>317</v>
      </c>
      <c r="L28" s="69" t="s">
        <v>283</v>
      </c>
    </row>
    <row r="29" spans="2:12" ht="15" x14ac:dyDescent="0.25">
      <c r="B29" s="65" t="s">
        <v>371</v>
      </c>
      <c r="C29" s="159" t="s">
        <v>247</v>
      </c>
      <c r="D29" s="141"/>
      <c r="E29" s="144" t="s">
        <v>297</v>
      </c>
      <c r="I29" s="143" t="s">
        <v>277</v>
      </c>
      <c r="J29" s="66" t="s">
        <v>315</v>
      </c>
      <c r="K29" s="145" t="s">
        <v>319</v>
      </c>
      <c r="L29" s="69" t="s">
        <v>284</v>
      </c>
    </row>
    <row r="30" spans="2:12" ht="15" x14ac:dyDescent="0.25">
      <c r="B30" s="65"/>
      <c r="C30" s="159" t="s">
        <v>248</v>
      </c>
      <c r="D30" s="72" t="s">
        <v>56</v>
      </c>
      <c r="E30" s="69"/>
      <c r="I30" s="143" t="s">
        <v>314</v>
      </c>
      <c r="J30" s="66"/>
      <c r="K30" s="145" t="s">
        <v>320</v>
      </c>
      <c r="L30" s="69"/>
    </row>
    <row r="31" spans="2:12" ht="15" x14ac:dyDescent="0.25">
      <c r="B31" s="65"/>
      <c r="C31" s="67"/>
      <c r="D31" s="145" t="s">
        <v>257</v>
      </c>
      <c r="E31" s="64" t="s">
        <v>57</v>
      </c>
      <c r="I31" s="143"/>
      <c r="J31" s="154" t="s">
        <v>279</v>
      </c>
      <c r="K31" s="145"/>
      <c r="L31" s="69"/>
    </row>
    <row r="32" spans="2:12" ht="15" x14ac:dyDescent="0.25">
      <c r="B32" s="65"/>
      <c r="C32" s="140"/>
      <c r="D32" s="145" t="s">
        <v>258</v>
      </c>
      <c r="E32" s="69" t="s">
        <v>255</v>
      </c>
      <c r="I32" s="61" t="s">
        <v>47</v>
      </c>
      <c r="J32" s="157" t="s">
        <v>287</v>
      </c>
      <c r="K32" s="72" t="s">
        <v>59</v>
      </c>
      <c r="L32" s="69"/>
    </row>
    <row r="33" spans="2:12" ht="15" x14ac:dyDescent="0.25">
      <c r="B33" s="65"/>
      <c r="C33" s="140"/>
      <c r="D33" s="140"/>
      <c r="E33" s="144"/>
      <c r="I33" s="143" t="s">
        <v>288</v>
      </c>
      <c r="J33" s="157" t="s">
        <v>286</v>
      </c>
      <c r="K33" s="145" t="s">
        <v>318</v>
      </c>
      <c r="L33" s="69"/>
    </row>
    <row r="34" spans="2:12" ht="15" x14ac:dyDescent="0.25">
      <c r="B34" s="65"/>
      <c r="C34" s="140"/>
      <c r="D34" s="67"/>
      <c r="E34" s="64" t="s">
        <v>60</v>
      </c>
      <c r="I34" s="73"/>
      <c r="J34" s="66"/>
      <c r="K34" s="145" t="s">
        <v>332</v>
      </c>
      <c r="L34" s="69"/>
    </row>
    <row r="35" spans="2:12" ht="15" x14ac:dyDescent="0.25">
      <c r="B35" s="65"/>
      <c r="C35" s="141"/>
      <c r="D35" s="67"/>
      <c r="E35" s="144" t="s">
        <v>256</v>
      </c>
      <c r="I35" s="61" t="s">
        <v>53</v>
      </c>
      <c r="J35" s="154" t="s">
        <v>290</v>
      </c>
      <c r="K35" s="145"/>
      <c r="L35" s="69"/>
    </row>
    <row r="36" spans="2:12" ht="15" x14ac:dyDescent="0.25">
      <c r="B36" s="65"/>
      <c r="C36" s="66"/>
      <c r="D36" s="67"/>
      <c r="E36" s="69"/>
      <c r="I36" s="143" t="s">
        <v>280</v>
      </c>
      <c r="J36" s="157" t="s">
        <v>291</v>
      </c>
      <c r="K36" s="155" t="s">
        <v>62</v>
      </c>
      <c r="L36" s="69"/>
    </row>
    <row r="37" spans="2:12" ht="15" x14ac:dyDescent="0.25">
      <c r="B37" s="65"/>
      <c r="C37" s="66"/>
      <c r="D37" s="67"/>
      <c r="E37" s="64" t="s">
        <v>372</v>
      </c>
      <c r="I37" s="143" t="s">
        <v>281</v>
      </c>
      <c r="J37" s="157" t="s">
        <v>292</v>
      </c>
      <c r="K37" s="145" t="s">
        <v>309</v>
      </c>
      <c r="L37" s="69"/>
    </row>
    <row r="38" spans="2:12" ht="15" x14ac:dyDescent="0.25">
      <c r="B38" s="65"/>
      <c r="C38" s="66"/>
      <c r="D38" s="140"/>
      <c r="E38" s="69" t="s">
        <v>300</v>
      </c>
      <c r="I38" s="143" t="s">
        <v>282</v>
      </c>
      <c r="J38" s="157" t="s">
        <v>293</v>
      </c>
      <c r="K38" s="145" t="s">
        <v>312</v>
      </c>
      <c r="L38" s="69"/>
    </row>
    <row r="39" spans="2:12" ht="15" x14ac:dyDescent="0.25">
      <c r="B39" s="65"/>
      <c r="C39" s="66"/>
      <c r="D39" s="140"/>
      <c r="E39" s="144"/>
      <c r="I39" s="73"/>
      <c r="J39" s="157" t="s">
        <v>294</v>
      </c>
      <c r="K39" s="145"/>
      <c r="L39" s="69"/>
    </row>
    <row r="40" spans="2:12" ht="15" x14ac:dyDescent="0.25">
      <c r="B40" s="65"/>
      <c r="C40" s="66"/>
      <c r="D40" s="140"/>
      <c r="E40" s="144"/>
      <c r="I40" s="61" t="s">
        <v>61</v>
      </c>
      <c r="K40" s="155" t="s">
        <v>271</v>
      </c>
      <c r="L40" s="69"/>
    </row>
    <row r="41" spans="2:12" ht="15" x14ac:dyDescent="0.25">
      <c r="B41" s="73"/>
      <c r="C41" s="53"/>
      <c r="D41" s="67"/>
      <c r="E41" s="144"/>
      <c r="I41" s="73" t="s">
        <v>324</v>
      </c>
      <c r="K41" s="145" t="s">
        <v>272</v>
      </c>
      <c r="L41" s="69"/>
    </row>
    <row r="42" spans="2:12" ht="15" x14ac:dyDescent="0.25">
      <c r="B42" s="73"/>
      <c r="C42" s="53"/>
      <c r="D42" s="67"/>
      <c r="E42" s="144"/>
      <c r="I42" s="143"/>
      <c r="K42" s="140"/>
      <c r="L42" s="69"/>
    </row>
    <row r="43" spans="2:12" ht="15" x14ac:dyDescent="0.25">
      <c r="B43" s="73"/>
      <c r="C43" s="53"/>
      <c r="D43" s="72"/>
      <c r="E43" s="144"/>
      <c r="I43" s="180" t="s">
        <v>48</v>
      </c>
      <c r="K43" s="140"/>
      <c r="L43" s="69"/>
    </row>
    <row r="44" spans="2:12" ht="15" x14ac:dyDescent="0.25">
      <c r="B44" s="73"/>
      <c r="C44" s="53"/>
      <c r="D44" s="67"/>
      <c r="E44" s="144"/>
      <c r="I44" s="73" t="s">
        <v>285</v>
      </c>
      <c r="K44" s="140"/>
      <c r="L44" s="69"/>
    </row>
    <row r="45" spans="2:12" ht="15" x14ac:dyDescent="0.25">
      <c r="B45" s="73"/>
      <c r="C45" s="53"/>
      <c r="D45" s="67"/>
      <c r="E45" s="144"/>
      <c r="I45" s="73"/>
      <c r="K45" s="140"/>
      <c r="L45" s="69"/>
    </row>
    <row r="46" spans="2:12" ht="15" x14ac:dyDescent="0.25">
      <c r="B46" s="73"/>
      <c r="C46" s="53"/>
      <c r="D46" s="67"/>
      <c r="E46" s="144"/>
      <c r="I46" s="73"/>
      <c r="K46" s="140"/>
      <c r="L46" s="69"/>
    </row>
    <row r="47" spans="2:12" ht="15" x14ac:dyDescent="0.25">
      <c r="B47" s="73"/>
      <c r="C47" s="53"/>
      <c r="D47" s="67"/>
      <c r="E47" s="69"/>
      <c r="I47" s="73"/>
      <c r="K47" s="140"/>
      <c r="L47" s="69"/>
    </row>
    <row r="48" spans="2:12" ht="15" x14ac:dyDescent="0.25">
      <c r="B48" s="73"/>
      <c r="C48" s="53"/>
      <c r="D48" s="67"/>
      <c r="E48" s="69"/>
      <c r="I48" s="143"/>
      <c r="J48" s="66"/>
      <c r="K48" s="140"/>
      <c r="L48" s="69"/>
    </row>
    <row r="49" spans="2:12" ht="15" x14ac:dyDescent="0.25">
      <c r="B49" s="73"/>
      <c r="C49" s="74"/>
      <c r="D49" s="53"/>
      <c r="E49" s="69"/>
      <c r="I49" s="143"/>
      <c r="J49" s="66"/>
      <c r="K49" s="140"/>
      <c r="L49" s="69"/>
    </row>
    <row r="50" spans="2:12" ht="15" x14ac:dyDescent="0.25">
      <c r="B50" s="73"/>
      <c r="C50" s="74"/>
      <c r="D50" s="53"/>
      <c r="E50" s="69"/>
      <c r="I50" s="73"/>
      <c r="J50" s="66"/>
      <c r="K50" s="67"/>
      <c r="L50" s="69"/>
    </row>
    <row r="51" spans="2:12" ht="15" x14ac:dyDescent="0.25">
      <c r="B51" s="73"/>
      <c r="C51" s="74"/>
      <c r="D51" s="53"/>
      <c r="E51" s="69"/>
      <c r="I51" s="73"/>
      <c r="J51" s="66"/>
      <c r="K51" s="67"/>
      <c r="L51" s="69"/>
    </row>
    <row r="52" spans="2:12" ht="15" x14ac:dyDescent="0.25">
      <c r="B52" s="73"/>
      <c r="C52" s="74"/>
      <c r="D52" s="53"/>
      <c r="E52" s="69"/>
      <c r="I52" s="73"/>
      <c r="J52" s="66"/>
      <c r="K52" s="67"/>
      <c r="L52" s="69"/>
    </row>
    <row r="53" spans="2:12" ht="15" x14ac:dyDescent="0.25">
      <c r="B53" s="73"/>
      <c r="C53" s="74"/>
      <c r="D53" s="53"/>
      <c r="E53" s="69"/>
      <c r="I53" s="73"/>
      <c r="J53" s="66"/>
      <c r="K53" s="67"/>
      <c r="L53" s="69"/>
    </row>
    <row r="54" spans="2:12" ht="15" x14ac:dyDescent="0.25">
      <c r="B54" s="73"/>
      <c r="C54" s="74"/>
      <c r="D54" s="53"/>
      <c r="E54" s="69"/>
      <c r="I54" s="73"/>
      <c r="J54" s="66"/>
      <c r="K54" s="67"/>
      <c r="L54" s="69"/>
    </row>
    <row r="55" spans="2:12" ht="15" x14ac:dyDescent="0.25">
      <c r="B55" s="73"/>
      <c r="C55" s="74"/>
      <c r="D55" s="53"/>
      <c r="E55" s="69"/>
      <c r="I55" s="73"/>
      <c r="J55" s="66"/>
      <c r="K55" s="155"/>
      <c r="L55" s="69"/>
    </row>
    <row r="56" spans="2:12" ht="15" x14ac:dyDescent="0.25">
      <c r="B56" s="73"/>
      <c r="C56" s="74"/>
      <c r="D56" s="53"/>
      <c r="E56" s="69"/>
      <c r="I56" s="73"/>
      <c r="J56" s="67"/>
      <c r="K56" s="146"/>
      <c r="L56" s="69"/>
    </row>
    <row r="57" spans="2:12" ht="15" x14ac:dyDescent="0.25">
      <c r="B57" s="73"/>
      <c r="C57" s="74"/>
      <c r="D57" s="53"/>
      <c r="E57" s="69"/>
      <c r="I57" s="73"/>
      <c r="J57" s="67"/>
      <c r="K57" s="53"/>
      <c r="L57" s="69"/>
    </row>
    <row r="58" spans="2:12" ht="15" x14ac:dyDescent="0.25">
      <c r="B58" s="73"/>
      <c r="C58" s="74"/>
      <c r="D58" s="53"/>
      <c r="E58" s="69"/>
      <c r="I58" s="73"/>
      <c r="J58" s="67"/>
      <c r="K58" s="53"/>
      <c r="L58" s="69"/>
    </row>
    <row r="59" spans="2:12" ht="15" x14ac:dyDescent="0.25">
      <c r="B59" s="73"/>
      <c r="C59" s="74"/>
      <c r="D59" s="53"/>
      <c r="E59" s="69"/>
      <c r="I59" s="73"/>
      <c r="J59" s="67"/>
      <c r="K59" s="53"/>
      <c r="L59" s="69"/>
    </row>
    <row r="60" spans="2:12" ht="15" x14ac:dyDescent="0.25">
      <c r="B60" s="73"/>
      <c r="C60" s="74"/>
      <c r="D60" s="53"/>
      <c r="E60" s="69"/>
      <c r="I60" s="73"/>
      <c r="J60" s="67"/>
      <c r="K60" s="53"/>
      <c r="L60" s="69"/>
    </row>
    <row r="61" spans="2:12" ht="15" x14ac:dyDescent="0.25">
      <c r="B61" s="73"/>
      <c r="C61" s="74"/>
      <c r="D61" s="53"/>
      <c r="E61" s="69"/>
      <c r="I61" s="73"/>
      <c r="J61" s="67"/>
      <c r="K61" s="53"/>
      <c r="L61" s="69"/>
    </row>
    <row r="62" spans="2:12" ht="15" x14ac:dyDescent="0.25">
      <c r="B62" s="73"/>
      <c r="C62" s="74"/>
      <c r="D62" s="53"/>
      <c r="E62" s="69"/>
      <c r="I62" s="73"/>
      <c r="J62" s="67"/>
      <c r="K62" s="53"/>
      <c r="L62" s="69"/>
    </row>
    <row r="63" spans="2:12" ht="15" x14ac:dyDescent="0.25">
      <c r="B63" s="75"/>
      <c r="C63" s="76"/>
      <c r="D63" s="77"/>
      <c r="E63" s="78"/>
      <c r="I63" s="75"/>
      <c r="J63" s="80"/>
      <c r="K63" s="77"/>
      <c r="L63" s="78"/>
    </row>
  </sheetData>
  <mergeCells count="6">
    <mergeCell ref="B18:C18"/>
    <mergeCell ref="D18:E18"/>
    <mergeCell ref="B17:E17"/>
    <mergeCell ref="I17:L17"/>
    <mergeCell ref="I18:J18"/>
    <mergeCell ref="K18:L18"/>
  </mergeCells>
  <pageMargins left="0.7" right="0.7" top="0.75" bottom="0.75" header="0.3" footer="0.3"/>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4984452-F551-4257-A0C6-FCA63CD46520}">
  <dimension ref="B1:AY33"/>
  <sheetViews>
    <sheetView zoomScale="80" zoomScaleNormal="80" workbookViewId="0">
      <selection activeCell="H33" sqref="H33"/>
    </sheetView>
  </sheetViews>
  <sheetFormatPr defaultRowHeight="14.25" x14ac:dyDescent="0.2"/>
  <cols>
    <col min="2" max="2" width="50.875" customWidth="1"/>
    <col min="3" max="3" width="39" bestFit="1" customWidth="1"/>
    <col min="4" max="4" width="32.875" customWidth="1"/>
    <col min="5" max="5" width="34.625" customWidth="1"/>
    <col min="6" max="6" width="38.625" customWidth="1"/>
    <col min="7" max="7" width="39.125" bestFit="1" customWidth="1"/>
    <col min="8" max="9" width="20.25" customWidth="1"/>
    <col min="10" max="10" width="26.25" customWidth="1"/>
  </cols>
  <sheetData>
    <row r="1" spans="2:51" ht="23.25" x14ac:dyDescent="0.35">
      <c r="B1" s="149" t="s">
        <v>264</v>
      </c>
      <c r="AW1" t="s">
        <v>63</v>
      </c>
    </row>
    <row r="2" spans="2:51" ht="21" x14ac:dyDescent="0.35">
      <c r="B2" s="81"/>
      <c r="AW2" s="3" t="s">
        <v>64</v>
      </c>
      <c r="AX2" s="3">
        <v>5</v>
      </c>
      <c r="AY2" s="3">
        <v>5</v>
      </c>
    </row>
    <row r="3" spans="2:51" ht="15" x14ac:dyDescent="0.25">
      <c r="B3" s="146" t="s">
        <v>261</v>
      </c>
    </row>
    <row r="4" spans="2:51" ht="15" x14ac:dyDescent="0.25">
      <c r="B4" s="53" t="s">
        <v>65</v>
      </c>
    </row>
    <row r="5" spans="2:51" ht="15" x14ac:dyDescent="0.25">
      <c r="B5" s="53" t="s">
        <v>66</v>
      </c>
    </row>
    <row r="6" spans="2:51" ht="15" x14ac:dyDescent="0.25">
      <c r="B6" s="130" t="s">
        <v>67</v>
      </c>
    </row>
    <row r="8" spans="2:51" ht="15" thickBot="1" x14ac:dyDescent="0.25"/>
    <row r="9" spans="2:51" s="2" customFormat="1" ht="141" customHeight="1" x14ac:dyDescent="0.2">
      <c r="B9" s="82" t="s">
        <v>68</v>
      </c>
      <c r="C9" s="160" t="s">
        <v>69</v>
      </c>
      <c r="D9" s="150" t="s">
        <v>266</v>
      </c>
      <c r="E9" s="85" t="s">
        <v>71</v>
      </c>
      <c r="F9" s="85" t="s">
        <v>72</v>
      </c>
      <c r="G9" s="85" t="s">
        <v>73</v>
      </c>
      <c r="H9" s="85" t="s">
        <v>74</v>
      </c>
      <c r="I9" s="85" t="s">
        <v>75</v>
      </c>
      <c r="J9" s="86" t="s">
        <v>76</v>
      </c>
    </row>
    <row r="10" spans="2:51" ht="30" x14ac:dyDescent="0.25">
      <c r="B10" s="147" t="s">
        <v>35</v>
      </c>
      <c r="C10" s="143" t="s">
        <v>329</v>
      </c>
      <c r="D10" s="163" t="s">
        <v>326</v>
      </c>
      <c r="E10" s="177" t="s">
        <v>366</v>
      </c>
      <c r="F10" s="176" t="s">
        <v>368</v>
      </c>
      <c r="G10" s="164" t="s">
        <v>382</v>
      </c>
      <c r="H10" s="88">
        <v>7</v>
      </c>
      <c r="I10" s="88">
        <v>7</v>
      </c>
      <c r="J10" s="89"/>
    </row>
    <row r="11" spans="2:51" ht="30" x14ac:dyDescent="0.25">
      <c r="B11" s="147" t="s">
        <v>43</v>
      </c>
      <c r="C11" s="126" t="s">
        <v>295</v>
      </c>
      <c r="D11" s="91"/>
      <c r="E11" s="177" t="s">
        <v>366</v>
      </c>
      <c r="F11" s="177" t="s">
        <v>368</v>
      </c>
      <c r="G11" s="164" t="s">
        <v>382</v>
      </c>
      <c r="H11" s="91">
        <v>7</v>
      </c>
      <c r="I11" s="91">
        <v>8</v>
      </c>
      <c r="J11" s="92"/>
    </row>
    <row r="12" spans="2:51" ht="30" x14ac:dyDescent="0.25">
      <c r="B12" s="148"/>
      <c r="C12" s="126" t="s">
        <v>260</v>
      </c>
      <c r="D12" s="163" t="s">
        <v>326</v>
      </c>
      <c r="E12" s="177" t="s">
        <v>366</v>
      </c>
      <c r="F12" s="177">
        <v>3</v>
      </c>
      <c r="G12" s="175" t="s">
        <v>365</v>
      </c>
      <c r="H12" s="91">
        <v>9</v>
      </c>
      <c r="I12" s="91">
        <v>9</v>
      </c>
      <c r="J12" s="92"/>
    </row>
    <row r="13" spans="2:51" ht="30" x14ac:dyDescent="0.25">
      <c r="B13" s="147" t="s">
        <v>55</v>
      </c>
      <c r="C13" s="126" t="s">
        <v>360</v>
      </c>
      <c r="D13" s="91"/>
      <c r="E13" s="177" t="s">
        <v>366</v>
      </c>
      <c r="F13" s="177" t="s">
        <v>368</v>
      </c>
      <c r="G13" s="164" t="s">
        <v>382</v>
      </c>
      <c r="H13" s="165">
        <v>8</v>
      </c>
      <c r="I13" s="165">
        <v>8</v>
      </c>
      <c r="J13" s="92"/>
    </row>
    <row r="14" spans="2:51" ht="15" x14ac:dyDescent="0.25">
      <c r="B14" s="148"/>
      <c r="C14" s="126" t="s">
        <v>300</v>
      </c>
      <c r="D14" s="91"/>
      <c r="E14" s="177" t="s">
        <v>376</v>
      </c>
      <c r="F14" s="177"/>
      <c r="G14" s="91" t="s">
        <v>390</v>
      </c>
      <c r="H14" s="91">
        <v>2</v>
      </c>
      <c r="I14" s="91">
        <v>2</v>
      </c>
      <c r="J14" s="92"/>
    </row>
    <row r="15" spans="2:51" ht="15" x14ac:dyDescent="0.25">
      <c r="B15" s="147" t="s">
        <v>262</v>
      </c>
      <c r="C15" s="126" t="s">
        <v>250</v>
      </c>
      <c r="D15" s="91"/>
      <c r="E15" s="177" t="s">
        <v>375</v>
      </c>
      <c r="F15" s="177" t="s">
        <v>380</v>
      </c>
      <c r="G15" s="91" t="s">
        <v>383</v>
      </c>
      <c r="H15" s="165">
        <v>7</v>
      </c>
      <c r="I15" s="165">
        <v>7</v>
      </c>
      <c r="J15" s="92"/>
    </row>
    <row r="16" spans="2:51" ht="35.25" customHeight="1" x14ac:dyDescent="0.25">
      <c r="B16" s="148"/>
      <c r="C16" s="126" t="s">
        <v>301</v>
      </c>
      <c r="D16" s="163" t="s">
        <v>326</v>
      </c>
      <c r="E16" s="176" t="s">
        <v>363</v>
      </c>
      <c r="F16" s="176" t="s">
        <v>364</v>
      </c>
      <c r="G16" s="164" t="s">
        <v>362</v>
      </c>
      <c r="H16" s="165">
        <v>8</v>
      </c>
      <c r="I16" s="165">
        <v>7</v>
      </c>
      <c r="J16" s="92"/>
    </row>
    <row r="17" spans="2:10" ht="15" x14ac:dyDescent="0.25">
      <c r="B17" s="148"/>
      <c r="C17" s="126" t="s">
        <v>253</v>
      </c>
      <c r="D17" s="91"/>
      <c r="E17" s="177" t="s">
        <v>373</v>
      </c>
      <c r="F17" s="177">
        <v>3</v>
      </c>
      <c r="G17" s="91" t="s">
        <v>384</v>
      </c>
      <c r="H17" s="165">
        <v>5</v>
      </c>
      <c r="I17" s="165">
        <v>3</v>
      </c>
      <c r="J17" s="92"/>
    </row>
    <row r="18" spans="2:10" ht="15" x14ac:dyDescent="0.25">
      <c r="B18" s="148"/>
      <c r="C18" s="126" t="s">
        <v>302</v>
      </c>
      <c r="D18" s="91"/>
      <c r="E18" s="177" t="s">
        <v>366</v>
      </c>
      <c r="F18" s="177" t="s">
        <v>368</v>
      </c>
      <c r="G18" s="91" t="s">
        <v>383</v>
      </c>
      <c r="H18" s="165">
        <v>8</v>
      </c>
      <c r="I18" s="165">
        <v>7</v>
      </c>
      <c r="J18" s="92"/>
    </row>
    <row r="19" spans="2:10" ht="15" x14ac:dyDescent="0.25">
      <c r="B19" s="147" t="s">
        <v>50</v>
      </c>
      <c r="C19" s="126" t="s">
        <v>247</v>
      </c>
      <c r="D19" s="91"/>
      <c r="E19" s="177" t="s">
        <v>376</v>
      </c>
      <c r="F19" s="177" t="s">
        <v>381</v>
      </c>
      <c r="G19" s="91" t="s">
        <v>383</v>
      </c>
      <c r="H19" s="165">
        <v>5</v>
      </c>
      <c r="I19" s="165">
        <v>4</v>
      </c>
      <c r="J19" s="92"/>
    </row>
    <row r="20" spans="2:10" ht="15" x14ac:dyDescent="0.25">
      <c r="B20" s="148"/>
      <c r="C20" s="126" t="s">
        <v>248</v>
      </c>
      <c r="D20" s="91"/>
      <c r="E20" s="177" t="s">
        <v>375</v>
      </c>
      <c r="F20" s="177">
        <v>5</v>
      </c>
      <c r="G20" s="91" t="s">
        <v>383</v>
      </c>
      <c r="H20" s="165">
        <v>4</v>
      </c>
      <c r="I20" s="165">
        <v>3</v>
      </c>
      <c r="J20" s="92"/>
    </row>
    <row r="21" spans="2:10" ht="15" x14ac:dyDescent="0.25">
      <c r="B21" s="147" t="s">
        <v>37</v>
      </c>
      <c r="C21" s="126" t="s">
        <v>249</v>
      </c>
      <c r="D21" s="91"/>
      <c r="E21" s="177" t="s">
        <v>375</v>
      </c>
      <c r="F21" s="177"/>
      <c r="G21" s="91" t="s">
        <v>385</v>
      </c>
      <c r="H21" s="165">
        <v>4</v>
      </c>
      <c r="I21" s="165">
        <v>4</v>
      </c>
      <c r="J21" s="92"/>
    </row>
    <row r="22" spans="2:10" ht="15" x14ac:dyDescent="0.25">
      <c r="B22" s="147" t="s">
        <v>45</v>
      </c>
      <c r="C22" s="126" t="s">
        <v>251</v>
      </c>
      <c r="D22" s="91"/>
      <c r="E22" s="177" t="s">
        <v>377</v>
      </c>
      <c r="F22" s="177" t="s">
        <v>368</v>
      </c>
      <c r="G22" s="91" t="s">
        <v>385</v>
      </c>
      <c r="H22" s="165">
        <v>8</v>
      </c>
      <c r="I22" s="165">
        <v>8</v>
      </c>
      <c r="J22" s="92"/>
    </row>
    <row r="23" spans="2:10" ht="15" x14ac:dyDescent="0.25">
      <c r="B23" s="148"/>
      <c r="C23" s="126" t="s">
        <v>252</v>
      </c>
      <c r="D23" s="91"/>
      <c r="E23" s="177" t="s">
        <v>378</v>
      </c>
      <c r="F23" s="177" t="s">
        <v>368</v>
      </c>
      <c r="G23" s="91" t="s">
        <v>385</v>
      </c>
      <c r="H23" s="165">
        <v>6</v>
      </c>
      <c r="I23" s="165">
        <v>8</v>
      </c>
      <c r="J23" s="92"/>
    </row>
    <row r="24" spans="2:10" ht="15" x14ac:dyDescent="0.25">
      <c r="B24" s="147" t="s">
        <v>51</v>
      </c>
      <c r="C24" s="126" t="s">
        <v>328</v>
      </c>
      <c r="D24" s="91"/>
      <c r="E24" s="177" t="s">
        <v>378</v>
      </c>
      <c r="F24" s="177">
        <v>6</v>
      </c>
      <c r="G24" s="91" t="s">
        <v>385</v>
      </c>
      <c r="H24" s="165">
        <v>3</v>
      </c>
      <c r="I24" s="165">
        <v>3</v>
      </c>
      <c r="J24" s="92"/>
    </row>
    <row r="25" spans="2:10" ht="15" x14ac:dyDescent="0.25">
      <c r="B25" s="147" t="s">
        <v>56</v>
      </c>
      <c r="C25" s="126" t="s">
        <v>257</v>
      </c>
      <c r="D25" s="91"/>
      <c r="E25" s="177">
        <v>8</v>
      </c>
      <c r="F25" s="177"/>
      <c r="G25" s="91" t="s">
        <v>385</v>
      </c>
      <c r="H25" s="165">
        <v>1</v>
      </c>
      <c r="I25" s="165">
        <v>1</v>
      </c>
      <c r="J25" s="92"/>
    </row>
    <row r="26" spans="2:10" ht="15" x14ac:dyDescent="0.25">
      <c r="B26" s="148"/>
      <c r="C26" s="126" t="s">
        <v>258</v>
      </c>
      <c r="D26" s="91"/>
      <c r="E26" s="177"/>
      <c r="F26" s="177"/>
      <c r="G26" s="91" t="s">
        <v>385</v>
      </c>
      <c r="H26" s="165">
        <v>5</v>
      </c>
      <c r="I26" s="165">
        <v>5</v>
      </c>
      <c r="J26" s="92"/>
    </row>
    <row r="27" spans="2:10" ht="30" x14ac:dyDescent="0.25">
      <c r="B27" s="147" t="s">
        <v>263</v>
      </c>
      <c r="C27" s="126" t="s">
        <v>298</v>
      </c>
      <c r="D27" s="91"/>
      <c r="E27" s="177" t="s">
        <v>377</v>
      </c>
      <c r="F27" s="177"/>
      <c r="G27" s="164" t="s">
        <v>382</v>
      </c>
      <c r="H27" s="165">
        <v>6</v>
      </c>
      <c r="I27" s="165">
        <v>6</v>
      </c>
      <c r="J27" s="92"/>
    </row>
    <row r="28" spans="2:10" ht="30" x14ac:dyDescent="0.25">
      <c r="B28" s="148"/>
      <c r="C28" s="126" t="s">
        <v>299</v>
      </c>
      <c r="D28" s="91"/>
      <c r="E28" s="177" t="s">
        <v>363</v>
      </c>
      <c r="F28" s="177"/>
      <c r="G28" s="164" t="s">
        <v>382</v>
      </c>
      <c r="H28" s="165">
        <v>3</v>
      </c>
      <c r="I28" s="165">
        <v>4</v>
      </c>
      <c r="J28" s="92"/>
    </row>
    <row r="29" spans="2:10" ht="15" x14ac:dyDescent="0.25">
      <c r="B29" s="147" t="s">
        <v>46</v>
      </c>
      <c r="C29" s="126" t="s">
        <v>325</v>
      </c>
      <c r="D29" s="91"/>
      <c r="E29" s="177" t="s">
        <v>378</v>
      </c>
      <c r="F29" s="177"/>
      <c r="G29" s="91" t="s">
        <v>386</v>
      </c>
      <c r="H29" s="165">
        <v>4</v>
      </c>
      <c r="I29" s="165">
        <v>5</v>
      </c>
      <c r="J29" s="92"/>
    </row>
    <row r="30" spans="2:10" ht="15" x14ac:dyDescent="0.25">
      <c r="B30" s="147" t="s">
        <v>52</v>
      </c>
      <c r="C30" s="126" t="s">
        <v>254</v>
      </c>
      <c r="D30" s="91"/>
      <c r="E30" s="177" t="s">
        <v>379</v>
      </c>
      <c r="F30" s="177"/>
      <c r="G30" s="91" t="s">
        <v>387</v>
      </c>
      <c r="H30" s="165">
        <v>3</v>
      </c>
      <c r="I30" s="165">
        <v>3</v>
      </c>
      <c r="J30" s="92"/>
    </row>
    <row r="31" spans="2:10" ht="15" x14ac:dyDescent="0.25">
      <c r="B31" s="148"/>
      <c r="C31" s="126" t="s">
        <v>297</v>
      </c>
      <c r="D31" s="91"/>
      <c r="E31" s="177">
        <v>2</v>
      </c>
      <c r="F31" s="177"/>
      <c r="G31" s="91" t="s">
        <v>388</v>
      </c>
      <c r="H31" s="165">
        <v>3</v>
      </c>
      <c r="I31" s="165">
        <v>2</v>
      </c>
      <c r="J31" s="92"/>
    </row>
    <row r="32" spans="2:10" ht="15" x14ac:dyDescent="0.25">
      <c r="B32" s="161" t="s">
        <v>57</v>
      </c>
      <c r="C32" s="126" t="s">
        <v>255</v>
      </c>
      <c r="D32" s="91"/>
      <c r="E32" s="177" t="s">
        <v>376</v>
      </c>
      <c r="F32" s="177"/>
      <c r="G32" s="91" t="s">
        <v>386</v>
      </c>
      <c r="H32" s="165">
        <v>1</v>
      </c>
      <c r="I32" s="165">
        <v>3</v>
      </c>
      <c r="J32" s="92"/>
    </row>
    <row r="33" spans="2:22" ht="15.75" thickBot="1" x14ac:dyDescent="0.3">
      <c r="B33" s="162" t="s">
        <v>60</v>
      </c>
      <c r="C33" s="127" t="s">
        <v>256</v>
      </c>
      <c r="D33" s="94"/>
      <c r="E33" s="178" t="s">
        <v>376</v>
      </c>
      <c r="F33" s="178"/>
      <c r="G33" s="94" t="s">
        <v>386</v>
      </c>
      <c r="H33" s="94">
        <v>2</v>
      </c>
      <c r="I33" s="94">
        <v>4</v>
      </c>
      <c r="J33" s="95"/>
      <c r="V33" t="s">
        <v>246</v>
      </c>
    </row>
  </sheetData>
  <hyperlinks>
    <hyperlink ref="D10" r:id="rId1" xr:uid="{C27EE024-AFCC-467B-B9AF-2CD962B1681D}"/>
    <hyperlink ref="D16" r:id="rId2" display="mailto:abcd@council.gov.uk" xr:uid="{29900E08-5571-4C6C-BD85-D7CBFA29CC89}"/>
    <hyperlink ref="D12" r:id="rId3" display="mailto:abcd@council.gov.uk" xr:uid="{2E51E550-76AD-4F87-9F3E-B05E91440232}"/>
  </hyperlinks>
  <pageMargins left="0.7" right="0.7" top="0.75" bottom="0.75" header="0.3" footer="0.3"/>
  <pageSetup paperSize="9" orientation="portrait" r:id="rId4"/>
  <drawing r:id="rId5"/>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3B5BA5B-721E-4D4A-AB95-D0CFBB2F553C}">
  <dimension ref="B1:AY56"/>
  <sheetViews>
    <sheetView zoomScale="80" zoomScaleNormal="80" workbookViewId="0">
      <selection activeCell="F61" sqref="F61"/>
    </sheetView>
  </sheetViews>
  <sheetFormatPr defaultRowHeight="14.25" x14ac:dyDescent="0.2"/>
  <cols>
    <col min="2" max="2" width="50.875" customWidth="1"/>
    <col min="3" max="3" width="35.5" bestFit="1" customWidth="1"/>
    <col min="4" max="4" width="32.875" customWidth="1"/>
    <col min="5" max="5" width="34.625" customWidth="1"/>
    <col min="6" max="6" width="38.625" customWidth="1"/>
    <col min="7" max="7" width="33.125" customWidth="1"/>
    <col min="8" max="9" width="20.25" customWidth="1"/>
    <col min="10" max="10" width="26.25" customWidth="1"/>
  </cols>
  <sheetData>
    <row r="1" spans="2:51" ht="23.25" x14ac:dyDescent="0.35">
      <c r="B1" s="149" t="s">
        <v>265</v>
      </c>
      <c r="AW1" t="s">
        <v>63</v>
      </c>
    </row>
    <row r="2" spans="2:51" ht="21" x14ac:dyDescent="0.35">
      <c r="B2" s="81"/>
      <c r="AW2" s="3" t="s">
        <v>64</v>
      </c>
      <c r="AX2" s="3">
        <v>5</v>
      </c>
      <c r="AY2" s="3">
        <v>5</v>
      </c>
    </row>
    <row r="3" spans="2:51" ht="15" x14ac:dyDescent="0.25">
      <c r="B3" s="146" t="s">
        <v>261</v>
      </c>
    </row>
    <row r="4" spans="2:51" ht="15" x14ac:dyDescent="0.25">
      <c r="B4" s="53" t="s">
        <v>65</v>
      </c>
    </row>
    <row r="5" spans="2:51" ht="15" x14ac:dyDescent="0.25">
      <c r="B5" s="53" t="s">
        <v>66</v>
      </c>
    </row>
    <row r="6" spans="2:51" ht="15" x14ac:dyDescent="0.25">
      <c r="B6" s="156" t="s">
        <v>273</v>
      </c>
    </row>
    <row r="8" spans="2:51" ht="15" thickBot="1" x14ac:dyDescent="0.25"/>
    <row r="9" spans="2:51" s="2" customFormat="1" ht="141" customHeight="1" thickBot="1" x14ac:dyDescent="0.25">
      <c r="B9" s="82" t="s">
        <v>68</v>
      </c>
      <c r="C9" s="83" t="s">
        <v>69</v>
      </c>
      <c r="D9" s="84" t="s">
        <v>70</v>
      </c>
      <c r="E9" s="85" t="s">
        <v>71</v>
      </c>
      <c r="F9" s="85" t="s">
        <v>72</v>
      </c>
      <c r="G9" s="85" t="s">
        <v>73</v>
      </c>
      <c r="H9" s="85" t="s">
        <v>74</v>
      </c>
      <c r="I9" s="85" t="s">
        <v>75</v>
      </c>
      <c r="J9" s="86" t="s">
        <v>76</v>
      </c>
    </row>
    <row r="10" spans="2:51" ht="30" x14ac:dyDescent="0.25">
      <c r="B10" s="87" t="s">
        <v>77</v>
      </c>
      <c r="C10" s="91" t="s">
        <v>278</v>
      </c>
      <c r="D10" s="163" t="s">
        <v>369</v>
      </c>
      <c r="E10" s="88" t="s">
        <v>327</v>
      </c>
      <c r="F10" s="88" t="s">
        <v>368</v>
      </c>
      <c r="G10" s="175" t="s">
        <v>367</v>
      </c>
      <c r="H10" s="88">
        <v>9</v>
      </c>
      <c r="I10" s="88">
        <v>9</v>
      </c>
      <c r="J10" s="89"/>
    </row>
    <row r="11" spans="2:51" ht="30" x14ac:dyDescent="0.25">
      <c r="B11" s="90"/>
      <c r="C11" s="91" t="s">
        <v>310</v>
      </c>
      <c r="D11" s="163" t="s">
        <v>369</v>
      </c>
      <c r="E11" s="91" t="s">
        <v>370</v>
      </c>
      <c r="F11" s="88" t="s">
        <v>368</v>
      </c>
      <c r="G11" s="175" t="s">
        <v>361</v>
      </c>
      <c r="H11" s="91">
        <v>9</v>
      </c>
      <c r="I11" s="91">
        <v>9</v>
      </c>
      <c r="J11" s="92"/>
    </row>
    <row r="12" spans="2:51" ht="30" x14ac:dyDescent="0.25">
      <c r="B12" s="90"/>
      <c r="C12" s="91" t="s">
        <v>311</v>
      </c>
      <c r="D12" s="91"/>
      <c r="E12" s="91" t="s">
        <v>391</v>
      </c>
      <c r="F12" s="88" t="s">
        <v>368</v>
      </c>
      <c r="G12" s="175" t="s">
        <v>367</v>
      </c>
      <c r="H12" s="91">
        <v>8</v>
      </c>
      <c r="I12" s="91">
        <v>6</v>
      </c>
      <c r="J12" s="92"/>
    </row>
    <row r="13" spans="2:51" ht="15" x14ac:dyDescent="0.25">
      <c r="B13" s="87" t="s">
        <v>41</v>
      </c>
      <c r="C13" s="91" t="s">
        <v>274</v>
      </c>
      <c r="D13" s="91"/>
      <c r="E13" s="88" t="s">
        <v>368</v>
      </c>
      <c r="F13" s="177">
        <v>2</v>
      </c>
      <c r="G13" s="91" t="s">
        <v>385</v>
      </c>
      <c r="H13" s="91">
        <v>8</v>
      </c>
      <c r="I13" s="91">
        <v>8</v>
      </c>
      <c r="J13" s="92"/>
    </row>
    <row r="14" spans="2:51" ht="15" x14ac:dyDescent="0.25">
      <c r="B14" s="90"/>
      <c r="C14" s="91" t="s">
        <v>275</v>
      </c>
      <c r="D14" s="91"/>
      <c r="E14" s="88" t="s">
        <v>368</v>
      </c>
      <c r="F14" s="177">
        <v>3</v>
      </c>
      <c r="G14" s="91" t="s">
        <v>385</v>
      </c>
      <c r="H14" s="91">
        <v>8</v>
      </c>
      <c r="I14" s="91">
        <v>8</v>
      </c>
      <c r="J14" s="92"/>
    </row>
    <row r="15" spans="2:51" ht="15" x14ac:dyDescent="0.25">
      <c r="B15" s="90"/>
      <c r="C15" s="91" t="s">
        <v>276</v>
      </c>
      <c r="D15" s="91"/>
      <c r="E15" s="88" t="s">
        <v>368</v>
      </c>
      <c r="F15" s="177" t="s">
        <v>374</v>
      </c>
      <c r="G15" s="91" t="s">
        <v>385</v>
      </c>
      <c r="H15" s="91">
        <v>8</v>
      </c>
      <c r="I15" s="91">
        <v>8</v>
      </c>
      <c r="J15" s="92"/>
    </row>
    <row r="16" spans="2:51" ht="15" x14ac:dyDescent="0.25">
      <c r="B16" s="90"/>
      <c r="C16" s="91" t="s">
        <v>277</v>
      </c>
      <c r="D16" s="91"/>
      <c r="E16" s="88" t="s">
        <v>368</v>
      </c>
      <c r="F16" s="177" t="s">
        <v>374</v>
      </c>
      <c r="G16" s="91" t="s">
        <v>385</v>
      </c>
      <c r="H16" s="91">
        <v>8</v>
      </c>
      <c r="I16" s="91">
        <v>8</v>
      </c>
      <c r="J16" s="92"/>
    </row>
    <row r="17" spans="2:10" ht="15" x14ac:dyDescent="0.25">
      <c r="B17" s="90"/>
      <c r="C17" s="91" t="s">
        <v>314</v>
      </c>
      <c r="D17" s="91"/>
      <c r="E17" s="88" t="s">
        <v>368</v>
      </c>
      <c r="F17" s="177" t="s">
        <v>374</v>
      </c>
      <c r="G17" s="91" t="s">
        <v>385</v>
      </c>
      <c r="H17" s="91">
        <v>7</v>
      </c>
      <c r="I17" s="91">
        <v>7</v>
      </c>
      <c r="J17" s="92"/>
    </row>
    <row r="18" spans="2:10" ht="15" x14ac:dyDescent="0.25">
      <c r="B18" s="87" t="s">
        <v>47</v>
      </c>
      <c r="C18" s="91" t="s">
        <v>288</v>
      </c>
      <c r="D18" s="91"/>
      <c r="E18" s="91" t="s">
        <v>370</v>
      </c>
      <c r="F18" s="177">
        <v>3</v>
      </c>
      <c r="G18" s="91" t="s">
        <v>389</v>
      </c>
      <c r="H18" s="91">
        <v>10</v>
      </c>
      <c r="I18" s="91">
        <v>7</v>
      </c>
      <c r="J18" s="92"/>
    </row>
    <row r="19" spans="2:10" ht="15" x14ac:dyDescent="0.25">
      <c r="B19" s="87" t="s">
        <v>333</v>
      </c>
      <c r="C19" s="91" t="s">
        <v>280</v>
      </c>
      <c r="D19" s="91"/>
      <c r="E19" s="91" t="s">
        <v>370</v>
      </c>
      <c r="F19" s="177">
        <v>3</v>
      </c>
      <c r="G19" s="91" t="s">
        <v>389</v>
      </c>
      <c r="H19" s="91">
        <v>9</v>
      </c>
      <c r="I19" s="91">
        <v>6</v>
      </c>
      <c r="J19" s="92"/>
    </row>
    <row r="20" spans="2:10" ht="15" x14ac:dyDescent="0.25">
      <c r="B20" s="90"/>
      <c r="C20" s="91" t="s">
        <v>281</v>
      </c>
      <c r="D20" s="91"/>
      <c r="E20" s="91" t="s">
        <v>370</v>
      </c>
      <c r="F20" s="177">
        <v>3</v>
      </c>
      <c r="G20" s="91" t="s">
        <v>389</v>
      </c>
      <c r="H20" s="91">
        <v>9</v>
      </c>
      <c r="I20" s="91">
        <v>6</v>
      </c>
      <c r="J20" s="92"/>
    </row>
    <row r="21" spans="2:10" ht="15" x14ac:dyDescent="0.25">
      <c r="B21" s="90"/>
      <c r="C21" s="91" t="s">
        <v>282</v>
      </c>
      <c r="D21" s="91"/>
      <c r="E21" s="91" t="s">
        <v>370</v>
      </c>
      <c r="F21" s="177">
        <v>3</v>
      </c>
      <c r="G21" s="91" t="s">
        <v>389</v>
      </c>
      <c r="H21" s="91">
        <v>9</v>
      </c>
      <c r="I21" s="91">
        <v>6</v>
      </c>
      <c r="J21" s="92"/>
    </row>
    <row r="22" spans="2:10" ht="15" x14ac:dyDescent="0.25">
      <c r="B22" s="87" t="s">
        <v>58</v>
      </c>
      <c r="C22" s="91" t="s">
        <v>283</v>
      </c>
      <c r="D22" s="91"/>
      <c r="E22" s="91" t="s">
        <v>370</v>
      </c>
      <c r="F22" s="177">
        <v>3</v>
      </c>
      <c r="G22" s="91" t="s">
        <v>389</v>
      </c>
      <c r="H22" s="91">
        <v>4</v>
      </c>
      <c r="I22" s="91">
        <v>4</v>
      </c>
      <c r="J22" s="92"/>
    </row>
    <row r="23" spans="2:10" ht="15" x14ac:dyDescent="0.25">
      <c r="B23" s="90"/>
      <c r="C23" s="91" t="s">
        <v>284</v>
      </c>
      <c r="D23" s="91"/>
      <c r="E23" s="91" t="s">
        <v>370</v>
      </c>
      <c r="F23" s="177">
        <v>3</v>
      </c>
      <c r="G23" s="91" t="s">
        <v>389</v>
      </c>
      <c r="H23" s="91">
        <v>4</v>
      </c>
      <c r="I23" s="91">
        <v>4</v>
      </c>
      <c r="J23" s="92"/>
    </row>
    <row r="24" spans="2:10" ht="15" x14ac:dyDescent="0.25">
      <c r="B24" s="87" t="s">
        <v>171</v>
      </c>
      <c r="C24" s="91" t="s">
        <v>232</v>
      </c>
      <c r="D24" s="91"/>
      <c r="E24" s="91" t="s">
        <v>370</v>
      </c>
      <c r="F24" s="177">
        <v>3</v>
      </c>
      <c r="G24" s="91" t="s">
        <v>389</v>
      </c>
      <c r="H24" s="91">
        <v>8</v>
      </c>
      <c r="I24" s="91">
        <v>4</v>
      </c>
      <c r="J24" s="92"/>
    </row>
    <row r="25" spans="2:10" ht="15" x14ac:dyDescent="0.25">
      <c r="B25" s="90"/>
      <c r="C25" s="91" t="s">
        <v>259</v>
      </c>
      <c r="D25" s="91"/>
      <c r="E25" s="91" t="s">
        <v>370</v>
      </c>
      <c r="F25" s="177">
        <v>3</v>
      </c>
      <c r="G25" s="91" t="s">
        <v>389</v>
      </c>
      <c r="H25" s="91">
        <v>8</v>
      </c>
      <c r="I25" s="91">
        <v>4</v>
      </c>
      <c r="J25" s="92"/>
    </row>
    <row r="26" spans="2:10" ht="15" x14ac:dyDescent="0.25">
      <c r="B26" s="90"/>
      <c r="C26" s="91" t="s">
        <v>270</v>
      </c>
      <c r="D26" s="91"/>
      <c r="E26" s="91" t="s">
        <v>370</v>
      </c>
      <c r="F26" s="177">
        <v>3</v>
      </c>
      <c r="G26" s="91" t="s">
        <v>389</v>
      </c>
      <c r="H26" s="91">
        <v>8</v>
      </c>
      <c r="I26" s="91">
        <v>4</v>
      </c>
      <c r="J26" s="92"/>
    </row>
    <row r="27" spans="2:10" ht="15" x14ac:dyDescent="0.25">
      <c r="B27" s="90"/>
      <c r="C27" s="91" t="s">
        <v>316</v>
      </c>
      <c r="D27" s="91"/>
      <c r="E27" s="91" t="s">
        <v>370</v>
      </c>
      <c r="F27" s="177">
        <v>3</v>
      </c>
      <c r="G27" s="91" t="s">
        <v>389</v>
      </c>
      <c r="H27" s="91">
        <v>8</v>
      </c>
      <c r="I27" s="91">
        <v>4</v>
      </c>
      <c r="J27" s="92"/>
    </row>
    <row r="28" spans="2:10" ht="15" x14ac:dyDescent="0.25">
      <c r="B28" s="87" t="s">
        <v>42</v>
      </c>
      <c r="C28" s="91" t="s">
        <v>330</v>
      </c>
      <c r="D28" s="91"/>
      <c r="E28" s="91" t="s">
        <v>375</v>
      </c>
      <c r="F28" s="88" t="s">
        <v>368</v>
      </c>
      <c r="G28" s="91" t="s">
        <v>385</v>
      </c>
      <c r="H28" s="91">
        <v>5</v>
      </c>
      <c r="I28" s="91">
        <v>2</v>
      </c>
      <c r="J28" s="92"/>
    </row>
    <row r="29" spans="2:10" ht="15" x14ac:dyDescent="0.25">
      <c r="B29" s="90"/>
      <c r="C29" s="91" t="s">
        <v>296</v>
      </c>
      <c r="D29" s="91"/>
      <c r="E29" s="91" t="s">
        <v>375</v>
      </c>
      <c r="F29" s="88" t="s">
        <v>368</v>
      </c>
      <c r="G29" s="91" t="s">
        <v>385</v>
      </c>
      <c r="H29" s="91">
        <v>5</v>
      </c>
      <c r="I29" s="91">
        <v>2</v>
      </c>
      <c r="J29" s="92"/>
    </row>
    <row r="30" spans="2:10" ht="15" x14ac:dyDescent="0.25">
      <c r="B30" s="90"/>
      <c r="C30" s="91" t="s">
        <v>315</v>
      </c>
      <c r="D30" s="91"/>
      <c r="E30" s="91" t="s">
        <v>375</v>
      </c>
      <c r="F30" s="88" t="s">
        <v>368</v>
      </c>
      <c r="G30" s="91" t="s">
        <v>385</v>
      </c>
      <c r="H30" s="91">
        <v>5</v>
      </c>
      <c r="I30" s="91">
        <v>2</v>
      </c>
      <c r="J30" s="92"/>
    </row>
    <row r="31" spans="2:10" ht="45.6" customHeight="1" x14ac:dyDescent="0.25">
      <c r="B31" s="87" t="s">
        <v>48</v>
      </c>
      <c r="C31" s="91" t="s">
        <v>285</v>
      </c>
      <c r="D31" s="163" t="s">
        <v>369</v>
      </c>
      <c r="E31" s="91" t="s">
        <v>375</v>
      </c>
      <c r="F31" s="88" t="s">
        <v>368</v>
      </c>
      <c r="G31" s="175" t="s">
        <v>362</v>
      </c>
      <c r="H31" s="91">
        <v>6</v>
      </c>
      <c r="I31" s="91">
        <v>6</v>
      </c>
      <c r="J31" s="92"/>
    </row>
    <row r="32" spans="2:10" ht="45" x14ac:dyDescent="0.25">
      <c r="B32" s="87" t="s">
        <v>279</v>
      </c>
      <c r="C32" s="91" t="s">
        <v>287</v>
      </c>
      <c r="D32" s="91"/>
      <c r="E32" s="91" t="s">
        <v>375</v>
      </c>
      <c r="F32" s="88" t="s">
        <v>368</v>
      </c>
      <c r="G32" s="175" t="s">
        <v>362</v>
      </c>
      <c r="H32" s="91">
        <v>6</v>
      </c>
      <c r="I32" s="91">
        <v>6</v>
      </c>
      <c r="J32" s="92"/>
    </row>
    <row r="33" spans="2:10" ht="45" x14ac:dyDescent="0.25">
      <c r="B33" s="90"/>
      <c r="C33" s="91" t="s">
        <v>286</v>
      </c>
      <c r="D33" s="91"/>
      <c r="E33" s="91" t="s">
        <v>375</v>
      </c>
      <c r="F33" s="88" t="s">
        <v>368</v>
      </c>
      <c r="G33" s="175" t="s">
        <v>362</v>
      </c>
      <c r="H33" s="91">
        <v>6</v>
      </c>
      <c r="I33" s="91">
        <v>6</v>
      </c>
      <c r="J33" s="92"/>
    </row>
    <row r="34" spans="2:10" ht="15" x14ac:dyDescent="0.25">
      <c r="B34" s="87" t="s">
        <v>39</v>
      </c>
      <c r="C34" s="91" t="s">
        <v>305</v>
      </c>
      <c r="D34" s="91"/>
      <c r="E34" s="91" t="s">
        <v>375</v>
      </c>
      <c r="F34" s="88" t="s">
        <v>368</v>
      </c>
      <c r="G34" s="91" t="s">
        <v>385</v>
      </c>
      <c r="H34" s="91">
        <v>3</v>
      </c>
      <c r="I34" s="91">
        <v>4</v>
      </c>
      <c r="J34" s="92"/>
    </row>
    <row r="35" spans="2:10" ht="15" x14ac:dyDescent="0.25">
      <c r="B35" s="90"/>
      <c r="C35" s="91" t="s">
        <v>313</v>
      </c>
      <c r="D35" s="91"/>
      <c r="E35" s="91" t="s">
        <v>375</v>
      </c>
      <c r="F35" s="88" t="s">
        <v>368</v>
      </c>
      <c r="G35" s="91" t="s">
        <v>385</v>
      </c>
      <c r="H35" s="91">
        <v>3</v>
      </c>
      <c r="I35" s="91">
        <v>4</v>
      </c>
      <c r="J35" s="92"/>
    </row>
    <row r="36" spans="2:10" ht="15" x14ac:dyDescent="0.25">
      <c r="B36" s="90"/>
      <c r="C36" s="91" t="s">
        <v>321</v>
      </c>
      <c r="D36" s="91"/>
      <c r="E36" s="91" t="s">
        <v>375</v>
      </c>
      <c r="F36" s="88" t="s">
        <v>368</v>
      </c>
      <c r="G36" s="91" t="s">
        <v>385</v>
      </c>
      <c r="H36" s="91">
        <v>3</v>
      </c>
      <c r="I36" s="91">
        <v>4</v>
      </c>
      <c r="J36" s="92"/>
    </row>
    <row r="37" spans="2:10" ht="15" x14ac:dyDescent="0.25">
      <c r="B37" s="87" t="s">
        <v>331</v>
      </c>
      <c r="C37" s="91" t="s">
        <v>303</v>
      </c>
      <c r="D37" s="91"/>
      <c r="E37" s="91" t="s">
        <v>375</v>
      </c>
      <c r="F37" s="91" t="s">
        <v>392</v>
      </c>
      <c r="G37" s="91" t="s">
        <v>385</v>
      </c>
      <c r="H37" s="91">
        <v>2</v>
      </c>
      <c r="I37" s="91">
        <v>3</v>
      </c>
      <c r="J37" s="92"/>
    </row>
    <row r="38" spans="2:10" ht="15" x14ac:dyDescent="0.25">
      <c r="B38" s="90"/>
      <c r="C38" s="91" t="s">
        <v>304</v>
      </c>
      <c r="D38" s="91"/>
      <c r="E38" s="91" t="s">
        <v>375</v>
      </c>
      <c r="F38" s="91" t="s">
        <v>392</v>
      </c>
      <c r="G38" s="91" t="s">
        <v>385</v>
      </c>
      <c r="H38" s="91">
        <v>6</v>
      </c>
      <c r="I38" s="91">
        <v>8</v>
      </c>
      <c r="J38" s="92"/>
    </row>
    <row r="39" spans="2:10" ht="15" x14ac:dyDescent="0.25">
      <c r="B39" s="90"/>
      <c r="C39" s="91" t="s">
        <v>317</v>
      </c>
      <c r="D39" s="91"/>
      <c r="E39" s="91" t="s">
        <v>375</v>
      </c>
      <c r="F39" s="91" t="s">
        <v>392</v>
      </c>
      <c r="G39" s="91" t="s">
        <v>385</v>
      </c>
      <c r="H39" s="91">
        <v>5</v>
      </c>
      <c r="I39" s="91">
        <v>5</v>
      </c>
      <c r="J39" s="92"/>
    </row>
    <row r="40" spans="2:10" ht="15" x14ac:dyDescent="0.25">
      <c r="B40" s="90"/>
      <c r="C40" s="91" t="s">
        <v>319</v>
      </c>
      <c r="D40" s="91"/>
      <c r="E40" s="91" t="s">
        <v>375</v>
      </c>
      <c r="F40" s="91" t="s">
        <v>392</v>
      </c>
      <c r="G40" s="91" t="s">
        <v>385</v>
      </c>
      <c r="H40" s="91">
        <v>3</v>
      </c>
      <c r="I40" s="91">
        <v>3</v>
      </c>
      <c r="J40" s="92"/>
    </row>
    <row r="41" spans="2:10" ht="15" x14ac:dyDescent="0.25">
      <c r="B41" s="90"/>
      <c r="C41" s="91" t="s">
        <v>320</v>
      </c>
      <c r="D41" s="91"/>
      <c r="E41" s="91" t="s">
        <v>375</v>
      </c>
      <c r="F41" s="91" t="s">
        <v>392</v>
      </c>
      <c r="G41" s="91" t="s">
        <v>385</v>
      </c>
      <c r="H41" s="91">
        <v>2</v>
      </c>
      <c r="I41" s="91">
        <v>3</v>
      </c>
      <c r="J41" s="92"/>
    </row>
    <row r="42" spans="2:10" ht="15" x14ac:dyDescent="0.25">
      <c r="B42" s="87" t="s">
        <v>59</v>
      </c>
      <c r="C42" s="91" t="s">
        <v>318</v>
      </c>
      <c r="D42" s="91"/>
      <c r="E42" s="91" t="s">
        <v>375</v>
      </c>
      <c r="F42" s="91" t="s">
        <v>392</v>
      </c>
      <c r="G42" s="91" t="s">
        <v>385</v>
      </c>
      <c r="H42" s="91">
        <v>5</v>
      </c>
      <c r="I42" s="91">
        <v>6</v>
      </c>
      <c r="J42" s="92"/>
    </row>
    <row r="43" spans="2:10" ht="15" x14ac:dyDescent="0.25">
      <c r="B43" s="90"/>
      <c r="C43" s="91" t="s">
        <v>332</v>
      </c>
      <c r="D43" s="91"/>
      <c r="E43" s="91" t="s">
        <v>375</v>
      </c>
      <c r="F43" s="91" t="s">
        <v>392</v>
      </c>
      <c r="G43" s="91" t="s">
        <v>385</v>
      </c>
      <c r="H43" s="91">
        <v>5</v>
      </c>
      <c r="I43" s="91">
        <v>6</v>
      </c>
      <c r="J43" s="92"/>
    </row>
    <row r="44" spans="2:10" ht="45" x14ac:dyDescent="0.25">
      <c r="B44" s="87" t="s">
        <v>79</v>
      </c>
      <c r="C44" s="91" t="s">
        <v>309</v>
      </c>
      <c r="D44" s="91"/>
      <c r="E44" s="91" t="s">
        <v>375</v>
      </c>
      <c r="F44" s="88" t="s">
        <v>368</v>
      </c>
      <c r="G44" s="175" t="s">
        <v>362</v>
      </c>
      <c r="H44" s="91">
        <v>8</v>
      </c>
      <c r="I44" s="91">
        <v>4</v>
      </c>
      <c r="J44" s="92"/>
    </row>
    <row r="45" spans="2:10" ht="45" x14ac:dyDescent="0.25">
      <c r="B45" s="90"/>
      <c r="C45" s="91" t="s">
        <v>312</v>
      </c>
      <c r="D45" s="91"/>
      <c r="E45" s="91" t="s">
        <v>375</v>
      </c>
      <c r="F45" s="88" t="s">
        <v>393</v>
      </c>
      <c r="G45" s="175" t="s">
        <v>362</v>
      </c>
      <c r="H45" s="91">
        <v>8</v>
      </c>
      <c r="I45" s="91">
        <v>4</v>
      </c>
      <c r="J45" s="92"/>
    </row>
    <row r="46" spans="2:10" ht="45" x14ac:dyDescent="0.25">
      <c r="B46" s="87" t="s">
        <v>78</v>
      </c>
      <c r="C46" s="91" t="s">
        <v>272</v>
      </c>
      <c r="D46" s="91"/>
      <c r="E46" s="91" t="s">
        <v>375</v>
      </c>
      <c r="F46" s="88" t="s">
        <v>368</v>
      </c>
      <c r="G46" s="175" t="s">
        <v>362</v>
      </c>
      <c r="H46" s="91">
        <v>7</v>
      </c>
      <c r="I46" s="91">
        <v>4</v>
      </c>
      <c r="J46" s="92"/>
    </row>
    <row r="47" spans="2:10" ht="15" x14ac:dyDescent="0.25">
      <c r="B47" s="87" t="s">
        <v>80</v>
      </c>
      <c r="C47" s="91" t="s">
        <v>308</v>
      </c>
      <c r="D47" s="91"/>
      <c r="E47" s="91" t="s">
        <v>375</v>
      </c>
      <c r="F47" s="91" t="s">
        <v>374</v>
      </c>
      <c r="G47" s="91" t="s">
        <v>385</v>
      </c>
      <c r="H47" s="91">
        <v>8</v>
      </c>
      <c r="I47" s="91">
        <v>3</v>
      </c>
      <c r="J47" s="92"/>
    </row>
    <row r="48" spans="2:10" ht="15" x14ac:dyDescent="0.25">
      <c r="B48" s="90"/>
      <c r="C48" s="91" t="s">
        <v>307</v>
      </c>
      <c r="D48" s="91"/>
      <c r="E48" s="91" t="s">
        <v>375</v>
      </c>
      <c r="F48" s="91" t="s">
        <v>392</v>
      </c>
      <c r="G48" s="91" t="s">
        <v>385</v>
      </c>
      <c r="H48" s="91">
        <v>8</v>
      </c>
      <c r="I48" s="91">
        <v>5</v>
      </c>
      <c r="J48" s="92"/>
    </row>
    <row r="49" spans="2:10" ht="15" x14ac:dyDescent="0.25">
      <c r="B49" s="90"/>
      <c r="C49" s="91" t="s">
        <v>322</v>
      </c>
      <c r="D49" s="91"/>
      <c r="E49" s="91" t="s">
        <v>375</v>
      </c>
      <c r="F49" s="88" t="s">
        <v>368</v>
      </c>
      <c r="G49" s="91" t="s">
        <v>385</v>
      </c>
      <c r="H49" s="91">
        <v>9</v>
      </c>
      <c r="I49" s="91">
        <v>3</v>
      </c>
      <c r="J49" s="92"/>
    </row>
    <row r="50" spans="2:10" ht="15" x14ac:dyDescent="0.25">
      <c r="B50" s="90"/>
      <c r="C50" s="91" t="s">
        <v>306</v>
      </c>
      <c r="D50" s="91"/>
      <c r="E50" s="91" t="s">
        <v>375</v>
      </c>
      <c r="F50" s="91" t="s">
        <v>392</v>
      </c>
      <c r="G50" s="91" t="s">
        <v>385</v>
      </c>
      <c r="H50" s="91">
        <v>7</v>
      </c>
      <c r="I50" s="91">
        <v>5</v>
      </c>
      <c r="J50" s="92"/>
    </row>
    <row r="51" spans="2:10" ht="15" x14ac:dyDescent="0.25">
      <c r="B51" s="90"/>
      <c r="C51" s="91" t="s">
        <v>323</v>
      </c>
      <c r="D51" s="91"/>
      <c r="E51" s="91" t="s">
        <v>375</v>
      </c>
      <c r="F51" s="88" t="s">
        <v>368</v>
      </c>
      <c r="G51" s="91" t="s">
        <v>385</v>
      </c>
      <c r="H51" s="91">
        <v>2</v>
      </c>
      <c r="I51" s="91">
        <v>2</v>
      </c>
      <c r="J51" s="92"/>
    </row>
    <row r="52" spans="2:10" ht="30" x14ac:dyDescent="0.25">
      <c r="B52" s="87" t="s">
        <v>81</v>
      </c>
      <c r="C52" s="91" t="s">
        <v>324</v>
      </c>
      <c r="D52" s="91"/>
      <c r="E52" s="91" t="s">
        <v>370</v>
      </c>
      <c r="F52" s="88" t="s">
        <v>368</v>
      </c>
      <c r="G52" s="175" t="s">
        <v>361</v>
      </c>
      <c r="H52" s="91">
        <v>10</v>
      </c>
      <c r="I52" s="91">
        <v>8</v>
      </c>
      <c r="J52" s="92"/>
    </row>
    <row r="53" spans="2:10" ht="15" x14ac:dyDescent="0.25">
      <c r="B53" s="147" t="s">
        <v>289</v>
      </c>
      <c r="C53" s="91" t="s">
        <v>291</v>
      </c>
      <c r="D53" s="91"/>
      <c r="E53" s="91" t="s">
        <v>370</v>
      </c>
      <c r="F53" s="177">
        <v>3</v>
      </c>
      <c r="G53" s="91" t="s">
        <v>389</v>
      </c>
      <c r="H53" s="91">
        <v>4</v>
      </c>
      <c r="I53" s="91">
        <v>4</v>
      </c>
      <c r="J53" s="92"/>
    </row>
    <row r="54" spans="2:10" ht="15" x14ac:dyDescent="0.25">
      <c r="B54" s="129"/>
      <c r="C54" s="91" t="s">
        <v>292</v>
      </c>
      <c r="D54" s="91"/>
      <c r="E54" s="91" t="s">
        <v>370</v>
      </c>
      <c r="F54" s="177">
        <v>3</v>
      </c>
      <c r="G54" s="91" t="s">
        <v>389</v>
      </c>
      <c r="H54" s="91">
        <v>4</v>
      </c>
      <c r="I54" s="91">
        <v>4</v>
      </c>
      <c r="J54" s="92"/>
    </row>
    <row r="55" spans="2:10" ht="15" x14ac:dyDescent="0.25">
      <c r="B55" s="129"/>
      <c r="C55" s="91" t="s">
        <v>293</v>
      </c>
      <c r="D55" s="91"/>
      <c r="E55" s="91" t="s">
        <v>370</v>
      </c>
      <c r="F55" s="177">
        <v>3</v>
      </c>
      <c r="G55" s="91" t="s">
        <v>389</v>
      </c>
      <c r="H55" s="91">
        <v>4</v>
      </c>
      <c r="I55" s="91">
        <v>4</v>
      </c>
      <c r="J55" s="92"/>
    </row>
    <row r="56" spans="2:10" ht="15.75" thickBot="1" x14ac:dyDescent="0.3">
      <c r="B56" s="93"/>
      <c r="C56" s="127" t="s">
        <v>294</v>
      </c>
      <c r="D56" s="94"/>
      <c r="E56" s="94" t="s">
        <v>370</v>
      </c>
      <c r="F56" s="178">
        <v>3</v>
      </c>
      <c r="G56" s="94" t="s">
        <v>389</v>
      </c>
      <c r="H56" s="94">
        <v>4</v>
      </c>
      <c r="I56" s="94">
        <v>4</v>
      </c>
      <c r="J56" s="95"/>
    </row>
  </sheetData>
  <hyperlinks>
    <hyperlink ref="D10" r:id="rId1" xr:uid="{35FE8081-F9ED-4832-977F-A8D3208AE5BE}"/>
    <hyperlink ref="D11" r:id="rId2" xr:uid="{A52203AB-FEC7-4554-A4B9-3068002425FD}"/>
    <hyperlink ref="D31" r:id="rId3" xr:uid="{C771AE11-8B55-4271-89CF-32E969F0E72F}"/>
  </hyperlinks>
  <pageMargins left="0.7" right="0.7" top="0.75" bottom="0.75" header="0.3" footer="0.3"/>
  <pageSetup paperSize="9" orientation="portrait" r:id="rId4"/>
  <drawing r:id="rId5"/>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2377A08-C172-413D-82F9-4030B85B733B}">
  <dimension ref="B1:O36"/>
  <sheetViews>
    <sheetView zoomScale="80" zoomScaleNormal="80" workbookViewId="0">
      <selection activeCell="F10" sqref="D10:F10"/>
    </sheetView>
  </sheetViews>
  <sheetFormatPr defaultRowHeight="14.25" x14ac:dyDescent="0.2"/>
  <cols>
    <col min="2" max="2" width="6.875" customWidth="1"/>
    <col min="3" max="3" width="67.625" bestFit="1" customWidth="1"/>
    <col min="4" max="4" width="44.375" bestFit="1" customWidth="1"/>
    <col min="5" max="15" width="42.625" customWidth="1"/>
    <col min="16" max="16" width="9" customWidth="1"/>
  </cols>
  <sheetData>
    <row r="1" spans="2:15" ht="23.25" x14ac:dyDescent="0.35">
      <c r="B1" s="56" t="s">
        <v>82</v>
      </c>
      <c r="C1" s="55"/>
    </row>
    <row r="2" spans="2:15" ht="15" x14ac:dyDescent="0.25">
      <c r="B2" s="53"/>
      <c r="C2" s="53"/>
    </row>
    <row r="3" spans="2:15" ht="15" x14ac:dyDescent="0.25">
      <c r="B3" s="53" t="s">
        <v>83</v>
      </c>
      <c r="C3" s="53"/>
    </row>
    <row r="4" spans="2:15" ht="15" x14ac:dyDescent="0.25">
      <c r="B4" s="53" t="s">
        <v>84</v>
      </c>
      <c r="C4" s="53"/>
    </row>
    <row r="5" spans="2:15" ht="15" x14ac:dyDescent="0.25">
      <c r="B5" s="53"/>
      <c r="C5" s="53"/>
    </row>
    <row r="6" spans="2:15" ht="15" x14ac:dyDescent="0.25">
      <c r="B6" s="63" t="s">
        <v>85</v>
      </c>
    </row>
    <row r="8" spans="2:15" ht="15" thickBot="1" x14ac:dyDescent="0.25"/>
    <row r="9" spans="2:15" ht="24.95" customHeight="1" thickBot="1" x14ac:dyDescent="0.3">
      <c r="C9" s="82" t="s">
        <v>86</v>
      </c>
      <c r="D9" s="96" t="s">
        <v>87</v>
      </c>
      <c r="E9" s="97" t="s">
        <v>87</v>
      </c>
      <c r="F9" s="97" t="s">
        <v>88</v>
      </c>
      <c r="G9" s="97" t="s">
        <v>89</v>
      </c>
      <c r="H9" s="97" t="s">
        <v>90</v>
      </c>
      <c r="I9" s="97" t="s">
        <v>91</v>
      </c>
      <c r="J9" s="97" t="s">
        <v>92</v>
      </c>
      <c r="K9" s="98" t="s">
        <v>92</v>
      </c>
      <c r="L9" s="99" t="s">
        <v>92</v>
      </c>
      <c r="M9" s="97"/>
      <c r="N9" s="97"/>
      <c r="O9" s="98"/>
    </row>
    <row r="10" spans="2:15" ht="24.95" customHeight="1" x14ac:dyDescent="0.2">
      <c r="C10" s="100" t="s">
        <v>93</v>
      </c>
      <c r="D10" s="173" t="s">
        <v>349</v>
      </c>
      <c r="E10" s="174" t="s">
        <v>348</v>
      </c>
      <c r="F10" s="174" t="s">
        <v>94</v>
      </c>
      <c r="G10" s="174" t="s">
        <v>342</v>
      </c>
      <c r="H10" s="174" t="s">
        <v>343</v>
      </c>
      <c r="I10" s="174" t="s">
        <v>344</v>
      </c>
      <c r="J10" s="174" t="s">
        <v>345</v>
      </c>
      <c r="K10" s="174" t="s">
        <v>346</v>
      </c>
      <c r="L10" s="174" t="s">
        <v>347</v>
      </c>
      <c r="M10" s="101"/>
      <c r="N10" s="101"/>
      <c r="O10" s="102"/>
    </row>
    <row r="11" spans="2:15" ht="24.95" customHeight="1" x14ac:dyDescent="0.2">
      <c r="C11" s="100" t="s">
        <v>95</v>
      </c>
      <c r="D11" s="103" t="s">
        <v>96</v>
      </c>
      <c r="E11" s="104" t="s">
        <v>97</v>
      </c>
      <c r="F11" s="104" t="s">
        <v>98</v>
      </c>
      <c r="G11" s="104" t="s">
        <v>99</v>
      </c>
      <c r="H11" s="104" t="s">
        <v>100</v>
      </c>
      <c r="I11" s="104" t="s">
        <v>101</v>
      </c>
      <c r="J11" s="104" t="s">
        <v>102</v>
      </c>
      <c r="K11" s="104" t="s">
        <v>103</v>
      </c>
      <c r="L11" s="104" t="s">
        <v>104</v>
      </c>
      <c r="M11" s="104"/>
      <c r="N11" s="104"/>
      <c r="O11" s="105"/>
    </row>
    <row r="12" spans="2:15" ht="24.95" customHeight="1" x14ac:dyDescent="0.2">
      <c r="C12" s="106" t="s">
        <v>105</v>
      </c>
      <c r="D12" s="107" t="s">
        <v>106</v>
      </c>
      <c r="E12" s="108" t="s">
        <v>107</v>
      </c>
      <c r="F12" s="108" t="s">
        <v>108</v>
      </c>
      <c r="G12" s="108" t="s">
        <v>109</v>
      </c>
      <c r="H12" s="108" t="s">
        <v>109</v>
      </c>
      <c r="I12" s="108" t="s">
        <v>109</v>
      </c>
      <c r="J12" s="108" t="s">
        <v>110</v>
      </c>
      <c r="K12" s="108" t="s">
        <v>109</v>
      </c>
      <c r="L12" s="108" t="s">
        <v>111</v>
      </c>
      <c r="M12" s="108"/>
      <c r="N12" s="108"/>
      <c r="O12" s="109"/>
    </row>
    <row r="13" spans="2:15" ht="24.95" customHeight="1" x14ac:dyDescent="0.2">
      <c r="C13" s="106" t="s">
        <v>112</v>
      </c>
      <c r="D13" s="107"/>
      <c r="E13" s="108"/>
      <c r="F13" s="108"/>
      <c r="G13" s="108"/>
      <c r="H13" s="108"/>
      <c r="I13" s="108"/>
      <c r="J13" s="108"/>
      <c r="K13" s="108"/>
      <c r="L13" s="108"/>
      <c r="M13" s="108"/>
      <c r="N13" s="108"/>
      <c r="O13" s="109"/>
    </row>
    <row r="14" spans="2:15" ht="15" x14ac:dyDescent="0.2">
      <c r="C14" s="106" t="s">
        <v>113</v>
      </c>
      <c r="D14" s="107" t="s">
        <v>114</v>
      </c>
      <c r="E14" s="108" t="s">
        <v>115</v>
      </c>
      <c r="F14" s="108" t="s">
        <v>116</v>
      </c>
      <c r="G14" s="108" t="s">
        <v>117</v>
      </c>
      <c r="H14" s="108" t="s">
        <v>115</v>
      </c>
      <c r="I14" s="108" t="s">
        <v>115</v>
      </c>
      <c r="J14" s="108" t="s">
        <v>117</v>
      </c>
      <c r="K14" s="108" t="s">
        <v>115</v>
      </c>
      <c r="L14" s="108" t="s">
        <v>118</v>
      </c>
      <c r="M14" s="108"/>
      <c r="N14" s="108"/>
      <c r="O14" s="109"/>
    </row>
    <row r="15" spans="2:15" ht="93" customHeight="1" x14ac:dyDescent="0.2">
      <c r="C15" s="106" t="s">
        <v>119</v>
      </c>
      <c r="D15" s="107" t="s">
        <v>120</v>
      </c>
      <c r="E15" s="108" t="s">
        <v>121</v>
      </c>
      <c r="F15" s="108" t="s">
        <v>122</v>
      </c>
      <c r="G15" s="108" t="s">
        <v>123</v>
      </c>
      <c r="H15" s="108" t="s">
        <v>124</v>
      </c>
      <c r="I15" s="108" t="s">
        <v>125</v>
      </c>
      <c r="J15" s="108" t="s">
        <v>126</v>
      </c>
      <c r="K15" s="108" t="s">
        <v>127</v>
      </c>
      <c r="L15" s="108" t="s">
        <v>128</v>
      </c>
      <c r="M15" s="108"/>
      <c r="N15" s="108"/>
      <c r="O15" s="109"/>
    </row>
    <row r="16" spans="2:15" ht="30" x14ac:dyDescent="0.2">
      <c r="C16" s="106" t="s">
        <v>129</v>
      </c>
      <c r="D16" s="107" t="s">
        <v>130</v>
      </c>
      <c r="E16" s="108" t="s">
        <v>131</v>
      </c>
      <c r="F16" s="108" t="s">
        <v>132</v>
      </c>
      <c r="G16" s="108" t="s">
        <v>133</v>
      </c>
      <c r="H16" s="108" t="s">
        <v>134</v>
      </c>
      <c r="I16" s="108" t="s">
        <v>135</v>
      </c>
      <c r="J16" s="108" t="s">
        <v>136</v>
      </c>
      <c r="K16" s="108" t="s">
        <v>137</v>
      </c>
      <c r="L16" s="108" t="s">
        <v>138</v>
      </c>
      <c r="M16" s="108"/>
      <c r="N16" s="108"/>
      <c r="O16" s="109"/>
    </row>
    <row r="17" spans="2:15" ht="284.45" customHeight="1" x14ac:dyDescent="0.2">
      <c r="C17" s="106" t="s">
        <v>139</v>
      </c>
      <c r="D17" s="107" t="s">
        <v>140</v>
      </c>
      <c r="E17" s="108" t="s">
        <v>141</v>
      </c>
      <c r="F17" s="108" t="s">
        <v>142</v>
      </c>
      <c r="G17" s="108" t="s">
        <v>143</v>
      </c>
      <c r="H17" s="108" t="s">
        <v>144</v>
      </c>
      <c r="I17" s="108" t="s">
        <v>145</v>
      </c>
      <c r="J17" s="108" t="s">
        <v>146</v>
      </c>
      <c r="K17" s="108" t="s">
        <v>147</v>
      </c>
      <c r="L17" s="108" t="s">
        <v>148</v>
      </c>
      <c r="M17" s="108"/>
      <c r="N17" s="108"/>
      <c r="O17" s="109"/>
    </row>
    <row r="18" spans="2:15" ht="24.95" customHeight="1" x14ac:dyDescent="0.2">
      <c r="C18" s="110" t="s">
        <v>76</v>
      </c>
      <c r="D18" s="111"/>
      <c r="E18" s="112"/>
      <c r="F18" s="112"/>
      <c r="G18" s="112"/>
      <c r="H18" s="112"/>
      <c r="I18" s="112"/>
      <c r="J18" s="112"/>
      <c r="K18" s="112"/>
      <c r="L18" s="112"/>
      <c r="M18" s="112"/>
      <c r="N18" s="112"/>
      <c r="O18" s="113"/>
    </row>
    <row r="19" spans="2:15" ht="15" x14ac:dyDescent="0.25">
      <c r="C19" s="53"/>
      <c r="D19" s="53"/>
      <c r="E19" s="53"/>
      <c r="F19" s="53"/>
      <c r="G19" s="53"/>
      <c r="H19" s="53"/>
      <c r="I19" s="53"/>
      <c r="J19" s="53"/>
      <c r="K19" s="53"/>
      <c r="L19" s="53"/>
      <c r="M19" s="53"/>
      <c r="N19" s="53"/>
      <c r="O19" s="53"/>
    </row>
    <row r="20" spans="2:15" ht="15" x14ac:dyDescent="0.25">
      <c r="C20" s="53"/>
      <c r="D20" s="53"/>
      <c r="E20" s="53"/>
      <c r="F20" s="53"/>
      <c r="G20" s="53"/>
      <c r="H20" s="53"/>
      <c r="I20" s="53"/>
      <c r="J20" s="53"/>
      <c r="K20" s="53"/>
      <c r="L20" s="53"/>
      <c r="M20" s="53"/>
      <c r="N20" s="53"/>
      <c r="O20" s="53"/>
    </row>
    <row r="21" spans="2:15" ht="15" x14ac:dyDescent="0.25">
      <c r="C21" s="53"/>
      <c r="D21" s="53"/>
      <c r="E21" s="53"/>
      <c r="F21" s="53"/>
      <c r="G21" s="53"/>
      <c r="H21" s="53"/>
      <c r="I21" s="53"/>
      <c r="J21" s="53"/>
      <c r="K21" s="53"/>
      <c r="L21" s="53"/>
      <c r="M21" s="53"/>
      <c r="N21" s="53"/>
      <c r="O21" s="53"/>
    </row>
    <row r="22" spans="2:15" ht="15" x14ac:dyDescent="0.25">
      <c r="C22" s="53"/>
      <c r="D22" s="53"/>
      <c r="E22" s="53"/>
      <c r="F22" s="53"/>
      <c r="G22" s="53"/>
      <c r="H22" s="53"/>
      <c r="I22" s="53"/>
      <c r="J22" s="53"/>
      <c r="K22" s="53"/>
      <c r="L22" s="53"/>
      <c r="M22" s="53"/>
      <c r="N22" s="53"/>
      <c r="O22" s="53"/>
    </row>
    <row r="23" spans="2:15" ht="15" x14ac:dyDescent="0.25">
      <c r="B23" s="63" t="s">
        <v>149</v>
      </c>
      <c r="D23" s="53"/>
      <c r="E23" s="53"/>
      <c r="F23" s="53"/>
      <c r="G23" s="53"/>
      <c r="H23" s="53"/>
      <c r="I23" s="53"/>
      <c r="J23" s="53"/>
      <c r="K23" s="53"/>
      <c r="L23" s="53"/>
      <c r="M23" s="53"/>
      <c r="N23" s="53"/>
      <c r="O23" s="53"/>
    </row>
    <row r="24" spans="2:15" ht="15" x14ac:dyDescent="0.25">
      <c r="C24" s="53"/>
      <c r="D24" s="53"/>
      <c r="E24" s="53"/>
      <c r="F24" s="53"/>
      <c r="G24" s="53"/>
      <c r="H24" s="53"/>
      <c r="I24" s="53"/>
      <c r="J24" s="53"/>
      <c r="K24" s="53"/>
      <c r="L24" s="53"/>
      <c r="M24" s="53"/>
      <c r="N24" s="53"/>
      <c r="O24" s="53"/>
    </row>
    <row r="25" spans="2:15" ht="24.95" customHeight="1" x14ac:dyDescent="0.2">
      <c r="B25" s="188" t="s">
        <v>150</v>
      </c>
      <c r="C25" s="114" t="s">
        <v>151</v>
      </c>
      <c r="D25" s="191" t="s">
        <v>310</v>
      </c>
      <c r="E25" s="192"/>
      <c r="F25" s="193"/>
      <c r="G25" s="115"/>
      <c r="H25" s="115"/>
      <c r="I25" s="115"/>
      <c r="J25" s="115"/>
      <c r="K25" s="115"/>
      <c r="L25" s="115"/>
      <c r="M25" s="115"/>
      <c r="N25" s="115"/>
      <c r="O25" s="115"/>
    </row>
    <row r="26" spans="2:15" ht="24.95" customHeight="1" x14ac:dyDescent="0.2">
      <c r="B26" s="189"/>
      <c r="C26" s="116" t="s">
        <v>152</v>
      </c>
      <c r="D26" s="194" t="s">
        <v>335</v>
      </c>
      <c r="E26" s="195"/>
      <c r="F26" s="196"/>
      <c r="G26" s="115"/>
      <c r="H26" s="115"/>
      <c r="I26" s="115"/>
      <c r="J26" s="115"/>
      <c r="K26" s="115"/>
      <c r="L26" s="115"/>
      <c r="M26" s="115"/>
      <c r="N26" s="115"/>
      <c r="O26" s="115"/>
    </row>
    <row r="27" spans="2:15" ht="24.95" customHeight="1" x14ac:dyDescent="0.2">
      <c r="B27" s="189"/>
      <c r="C27" s="116" t="s">
        <v>153</v>
      </c>
      <c r="D27" s="194">
        <v>1</v>
      </c>
      <c r="E27" s="195"/>
      <c r="F27" s="196"/>
      <c r="G27" s="115"/>
      <c r="H27" s="115"/>
      <c r="I27" s="115"/>
      <c r="J27" s="115"/>
      <c r="K27" s="115"/>
      <c r="L27" s="115"/>
      <c r="M27" s="115"/>
      <c r="N27" s="115"/>
      <c r="O27" s="115"/>
    </row>
    <row r="28" spans="2:15" ht="24.95" customHeight="1" x14ac:dyDescent="0.2">
      <c r="B28" s="189"/>
      <c r="C28" s="116" t="s">
        <v>154</v>
      </c>
      <c r="D28" s="194" t="s">
        <v>334</v>
      </c>
      <c r="E28" s="195"/>
      <c r="F28" s="196"/>
      <c r="G28" s="115"/>
      <c r="H28" s="115"/>
      <c r="I28" s="115"/>
      <c r="J28" s="115"/>
      <c r="K28" s="115"/>
      <c r="L28" s="115"/>
      <c r="M28" s="115"/>
      <c r="N28" s="115"/>
      <c r="O28" s="115"/>
    </row>
    <row r="29" spans="2:15" ht="24.95" customHeight="1" x14ac:dyDescent="0.2">
      <c r="B29" s="190"/>
      <c r="C29" s="117" t="s">
        <v>155</v>
      </c>
      <c r="D29" s="197" t="s">
        <v>156</v>
      </c>
      <c r="E29" s="198"/>
      <c r="F29" s="199"/>
      <c r="G29" s="118"/>
      <c r="H29" s="118"/>
      <c r="I29" s="118"/>
      <c r="J29" s="118"/>
      <c r="K29" s="118"/>
      <c r="L29" s="118"/>
      <c r="M29" s="118"/>
      <c r="N29" s="118"/>
      <c r="O29" s="118"/>
    </row>
    <row r="30" spans="2:15" ht="24.95" customHeight="1" x14ac:dyDescent="0.25">
      <c r="B30" s="188" t="s">
        <v>157</v>
      </c>
      <c r="C30" s="119" t="s">
        <v>158</v>
      </c>
      <c r="D30" s="120" t="s">
        <v>159</v>
      </c>
      <c r="E30" s="121"/>
      <c r="F30" s="121"/>
      <c r="G30" s="121"/>
      <c r="H30" s="121"/>
      <c r="I30" s="121"/>
      <c r="J30" s="121"/>
      <c r="K30" s="121"/>
      <c r="L30" s="121"/>
      <c r="M30" s="121"/>
      <c r="N30" s="121"/>
      <c r="O30" s="122"/>
    </row>
    <row r="31" spans="2:15" ht="24.95" customHeight="1" x14ac:dyDescent="0.25">
      <c r="B31" s="189"/>
      <c r="C31" s="119" t="s">
        <v>160</v>
      </c>
      <c r="D31" s="123" t="s">
        <v>87</v>
      </c>
      <c r="E31" s="124"/>
      <c r="F31" s="124"/>
      <c r="G31" s="124"/>
      <c r="H31" s="124"/>
      <c r="I31" s="124"/>
      <c r="J31" s="124"/>
      <c r="K31" s="124"/>
      <c r="L31" s="124"/>
      <c r="M31" s="124"/>
      <c r="N31" s="124"/>
      <c r="O31" s="125"/>
    </row>
    <row r="32" spans="2:15" ht="24.95" customHeight="1" x14ac:dyDescent="0.25">
      <c r="B32" s="189"/>
      <c r="C32" s="116" t="s">
        <v>113</v>
      </c>
      <c r="D32" s="126" t="s">
        <v>161</v>
      </c>
      <c r="E32" s="91"/>
      <c r="F32" s="91"/>
      <c r="G32" s="91"/>
      <c r="H32" s="91"/>
      <c r="I32" s="91"/>
      <c r="J32" s="91"/>
      <c r="K32" s="91"/>
      <c r="L32" s="91"/>
      <c r="M32" s="91"/>
      <c r="N32" s="91"/>
      <c r="O32" s="92"/>
    </row>
    <row r="33" spans="2:15" ht="24.95" customHeight="1" x14ac:dyDescent="0.25">
      <c r="B33" s="189"/>
      <c r="C33" s="116" t="s">
        <v>119</v>
      </c>
      <c r="D33" s="126" t="s">
        <v>336</v>
      </c>
      <c r="E33" s="91"/>
      <c r="F33" s="91"/>
      <c r="G33" s="91"/>
      <c r="H33" s="91"/>
      <c r="I33" s="91"/>
      <c r="J33" s="91"/>
      <c r="K33" s="91"/>
      <c r="L33" s="91"/>
      <c r="M33" s="91"/>
      <c r="N33" s="91"/>
      <c r="O33" s="92"/>
    </row>
    <row r="34" spans="2:15" ht="33.6" customHeight="1" x14ac:dyDescent="0.25">
      <c r="B34" s="189"/>
      <c r="C34" s="116" t="s">
        <v>162</v>
      </c>
      <c r="D34" s="166" t="s">
        <v>337</v>
      </c>
      <c r="E34" s="91"/>
      <c r="F34" s="91"/>
      <c r="G34" s="91"/>
      <c r="H34" s="91"/>
      <c r="I34" s="91"/>
      <c r="J34" s="91"/>
      <c r="K34" s="91"/>
      <c r="L34" s="91"/>
      <c r="M34" s="91"/>
      <c r="N34" s="91"/>
      <c r="O34" s="92"/>
    </row>
    <row r="35" spans="2:15" ht="24.95" customHeight="1" x14ac:dyDescent="0.25">
      <c r="B35" s="189"/>
      <c r="C35" s="116" t="s">
        <v>163</v>
      </c>
      <c r="D35" s="126" t="s">
        <v>338</v>
      </c>
      <c r="E35" s="91"/>
      <c r="F35" s="91"/>
      <c r="G35" s="91"/>
      <c r="H35" s="91"/>
      <c r="I35" s="91"/>
      <c r="J35" s="91"/>
      <c r="K35" s="91"/>
      <c r="L35" s="91"/>
      <c r="M35" s="91"/>
      <c r="N35" s="91"/>
      <c r="O35" s="92"/>
    </row>
    <row r="36" spans="2:15" ht="24.75" customHeight="1" x14ac:dyDescent="0.25">
      <c r="B36" s="190"/>
      <c r="C36" s="117" t="s">
        <v>76</v>
      </c>
      <c r="D36" s="127" t="s">
        <v>339</v>
      </c>
      <c r="E36" s="94"/>
      <c r="F36" s="94"/>
      <c r="G36" s="94"/>
      <c r="H36" s="94"/>
      <c r="I36" s="94"/>
      <c r="J36" s="94"/>
      <c r="K36" s="94"/>
      <c r="L36" s="94"/>
      <c r="M36" s="94"/>
      <c r="N36" s="94"/>
      <c r="O36" s="95"/>
    </row>
  </sheetData>
  <mergeCells count="7">
    <mergeCell ref="B25:B29"/>
    <mergeCell ref="B30:B36"/>
    <mergeCell ref="D25:F25"/>
    <mergeCell ref="D26:F26"/>
    <mergeCell ref="D27:F27"/>
    <mergeCell ref="D28:F28"/>
    <mergeCell ref="D29:F29"/>
  </mergeCells>
  <pageMargins left="0.7" right="0.7" top="0.75" bottom="0.75" header="0.3" footer="0.3"/>
  <pageSetup paperSize="9" orientation="portrait"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FF19C0-7A4E-4122-B223-1D10B6E4C8D6}">
  <dimension ref="B1:G45"/>
  <sheetViews>
    <sheetView topLeftCell="A16" zoomScale="90" zoomScaleNormal="90" workbookViewId="0">
      <selection activeCell="C42" sqref="C42"/>
    </sheetView>
  </sheetViews>
  <sheetFormatPr defaultRowHeight="14.25" x14ac:dyDescent="0.2"/>
  <cols>
    <col min="2" max="2" width="31.75" customWidth="1"/>
    <col min="3" max="3" width="93.625" customWidth="1"/>
    <col min="4" max="4" width="26.625" customWidth="1"/>
    <col min="5" max="5" width="28.375" bestFit="1" customWidth="1"/>
    <col min="6" max="7" width="20.625" customWidth="1"/>
  </cols>
  <sheetData>
    <row r="1" spans="2:7" ht="23.25" x14ac:dyDescent="0.35">
      <c r="B1" s="56" t="s">
        <v>164</v>
      </c>
      <c r="C1" s="53"/>
      <c r="D1" s="53"/>
    </row>
    <row r="2" spans="2:7" ht="18.75" x14ac:dyDescent="0.3">
      <c r="B2" s="128"/>
      <c r="C2" s="53"/>
      <c r="D2" s="53"/>
    </row>
    <row r="3" spans="2:7" ht="15" x14ac:dyDescent="0.25">
      <c r="B3" s="53" t="s">
        <v>165</v>
      </c>
      <c r="C3" s="53"/>
      <c r="D3" s="53"/>
    </row>
    <row r="4" spans="2:7" ht="15" x14ac:dyDescent="0.25">
      <c r="B4" s="130" t="s">
        <v>166</v>
      </c>
      <c r="C4" s="53"/>
      <c r="D4" s="53"/>
    </row>
    <row r="5" spans="2:7" ht="15" x14ac:dyDescent="0.25">
      <c r="B5" s="53"/>
      <c r="C5" s="53"/>
      <c r="D5" s="53"/>
    </row>
    <row r="6" spans="2:7" ht="15" x14ac:dyDescent="0.25">
      <c r="B6" s="53"/>
      <c r="C6" s="53"/>
      <c r="D6" s="53"/>
    </row>
    <row r="7" spans="2:7" ht="15" x14ac:dyDescent="0.25">
      <c r="B7" s="132" t="s">
        <v>167</v>
      </c>
      <c r="C7" s="136" t="s">
        <v>168</v>
      </c>
      <c r="D7" s="131" t="s">
        <v>340</v>
      </c>
      <c r="E7" s="136" t="s">
        <v>357</v>
      </c>
      <c r="F7" s="136" t="s">
        <v>169</v>
      </c>
      <c r="G7" s="131" t="s">
        <v>170</v>
      </c>
    </row>
    <row r="8" spans="2:7" ht="15" x14ac:dyDescent="0.25">
      <c r="B8" s="133" t="s">
        <v>171</v>
      </c>
      <c r="C8" s="137" t="s">
        <v>172</v>
      </c>
      <c r="D8" s="137"/>
      <c r="E8" s="167"/>
      <c r="F8" s="167"/>
      <c r="G8" s="168"/>
    </row>
    <row r="9" spans="2:7" ht="15" x14ac:dyDescent="0.25">
      <c r="B9" s="134"/>
      <c r="C9" s="138" t="s">
        <v>173</v>
      </c>
      <c r="D9" s="138"/>
      <c r="E9" s="169"/>
      <c r="F9" s="169"/>
      <c r="G9" s="170"/>
    </row>
    <row r="10" spans="2:7" ht="30" x14ac:dyDescent="0.25">
      <c r="B10" s="134"/>
      <c r="C10" s="138" t="s">
        <v>174</v>
      </c>
      <c r="D10" s="138"/>
      <c r="E10" s="169"/>
      <c r="F10" s="169"/>
      <c r="G10" s="170"/>
    </row>
    <row r="11" spans="2:7" ht="30" x14ac:dyDescent="0.25">
      <c r="B11" s="134"/>
      <c r="C11" s="138" t="s">
        <v>175</v>
      </c>
      <c r="D11" s="138"/>
      <c r="E11" s="169"/>
      <c r="F11" s="169"/>
      <c r="G11" s="170"/>
    </row>
    <row r="12" spans="2:7" ht="15" x14ac:dyDescent="0.25">
      <c r="B12" s="133" t="s">
        <v>176</v>
      </c>
      <c r="C12" s="137" t="s">
        <v>177</v>
      </c>
      <c r="D12" s="137" t="s">
        <v>356</v>
      </c>
      <c r="E12" s="167"/>
      <c r="F12" s="167"/>
      <c r="G12" s="168"/>
    </row>
    <row r="13" spans="2:7" ht="15" x14ac:dyDescent="0.25">
      <c r="B13" s="134"/>
      <c r="C13" s="138" t="s">
        <v>178</v>
      </c>
      <c r="D13" s="138" t="s">
        <v>341</v>
      </c>
      <c r="E13" s="169"/>
      <c r="F13" s="169"/>
      <c r="G13" s="170"/>
    </row>
    <row r="14" spans="2:7" ht="30" x14ac:dyDescent="0.25">
      <c r="B14" s="134"/>
      <c r="C14" s="138" t="s">
        <v>179</v>
      </c>
      <c r="D14" s="138" t="s">
        <v>355</v>
      </c>
      <c r="E14" s="169"/>
      <c r="F14" s="169"/>
      <c r="G14" s="170"/>
    </row>
    <row r="15" spans="2:7" ht="15" x14ac:dyDescent="0.25">
      <c r="B15" s="134"/>
      <c r="C15" s="138" t="s">
        <v>180</v>
      </c>
      <c r="D15" s="138" t="s">
        <v>341</v>
      </c>
      <c r="E15" s="169"/>
      <c r="F15" s="169"/>
      <c r="G15" s="170"/>
    </row>
    <row r="16" spans="2:7" ht="15" x14ac:dyDescent="0.25">
      <c r="B16" s="134"/>
      <c r="C16" s="138" t="s">
        <v>181</v>
      </c>
      <c r="D16" s="138" t="s">
        <v>350</v>
      </c>
      <c r="E16" s="169"/>
      <c r="F16" s="169"/>
      <c r="G16" s="170"/>
    </row>
    <row r="17" spans="2:7" ht="15" x14ac:dyDescent="0.25">
      <c r="B17" s="134"/>
      <c r="C17" s="138" t="s">
        <v>182</v>
      </c>
      <c r="D17" s="138" t="s">
        <v>353</v>
      </c>
      <c r="E17" s="169"/>
      <c r="F17" s="169"/>
      <c r="G17" s="170"/>
    </row>
    <row r="18" spans="2:7" ht="15" x14ac:dyDescent="0.25">
      <c r="B18" s="134"/>
      <c r="C18" s="138" t="s">
        <v>183</v>
      </c>
      <c r="D18" s="138" t="s">
        <v>351</v>
      </c>
      <c r="E18" s="169"/>
      <c r="F18" s="169"/>
      <c r="G18" s="170"/>
    </row>
    <row r="19" spans="2:7" ht="30" x14ac:dyDescent="0.25">
      <c r="B19" s="134"/>
      <c r="C19" s="138" t="s">
        <v>184</v>
      </c>
      <c r="D19" s="138" t="s">
        <v>354</v>
      </c>
      <c r="E19" s="169"/>
      <c r="F19" s="169"/>
      <c r="G19" s="170"/>
    </row>
    <row r="20" spans="2:7" ht="30" x14ac:dyDescent="0.25">
      <c r="B20" s="134"/>
      <c r="C20" s="138" t="s">
        <v>185</v>
      </c>
      <c r="D20" s="138" t="s">
        <v>352</v>
      </c>
      <c r="E20" s="169"/>
      <c r="F20" s="169"/>
      <c r="G20" s="170"/>
    </row>
    <row r="21" spans="2:7" ht="15" x14ac:dyDescent="0.25">
      <c r="B21" s="133" t="s">
        <v>186</v>
      </c>
      <c r="C21" s="137" t="s">
        <v>187</v>
      </c>
      <c r="D21" s="137"/>
      <c r="E21" s="167"/>
      <c r="F21" s="167"/>
      <c r="G21" s="168"/>
    </row>
    <row r="22" spans="2:7" ht="15" x14ac:dyDescent="0.25">
      <c r="B22" s="134"/>
      <c r="C22" s="138" t="s">
        <v>188</v>
      </c>
      <c r="D22" s="138"/>
      <c r="E22" s="169"/>
      <c r="F22" s="169"/>
      <c r="G22" s="170"/>
    </row>
    <row r="23" spans="2:7" ht="30" x14ac:dyDescent="0.25">
      <c r="B23" s="134"/>
      <c r="C23" s="138" t="s">
        <v>189</v>
      </c>
      <c r="D23" s="138"/>
      <c r="E23" s="169"/>
      <c r="F23" s="169"/>
      <c r="G23" s="170"/>
    </row>
    <row r="24" spans="2:7" ht="15" x14ac:dyDescent="0.25">
      <c r="B24" s="134"/>
      <c r="C24" s="138" t="s">
        <v>190</v>
      </c>
      <c r="D24" s="138"/>
      <c r="E24" s="169"/>
      <c r="F24" s="169"/>
      <c r="G24" s="170"/>
    </row>
    <row r="25" spans="2:7" ht="30" x14ac:dyDescent="0.25">
      <c r="B25" s="134"/>
      <c r="C25" s="138" t="s">
        <v>191</v>
      </c>
      <c r="D25" s="138"/>
      <c r="E25" s="169"/>
      <c r="F25" s="169"/>
      <c r="G25" s="170"/>
    </row>
    <row r="26" spans="2:7" ht="15" x14ac:dyDescent="0.25">
      <c r="B26" s="134"/>
      <c r="C26" s="138" t="s">
        <v>192</v>
      </c>
      <c r="D26" s="138"/>
      <c r="E26" s="169"/>
      <c r="F26" s="169"/>
      <c r="G26" s="170"/>
    </row>
    <row r="27" spans="2:7" ht="15" x14ac:dyDescent="0.25">
      <c r="B27" s="134"/>
      <c r="C27" s="138" t="s">
        <v>193</v>
      </c>
      <c r="D27" s="138"/>
      <c r="E27" s="169"/>
      <c r="F27" s="169"/>
      <c r="G27" s="170"/>
    </row>
    <row r="28" spans="2:7" ht="30" x14ac:dyDescent="0.25">
      <c r="B28" s="134"/>
      <c r="C28" s="138" t="s">
        <v>194</v>
      </c>
      <c r="D28" s="138"/>
      <c r="E28" s="169"/>
      <c r="F28" s="169"/>
      <c r="G28" s="170"/>
    </row>
    <row r="29" spans="2:7" ht="15" x14ac:dyDescent="0.25">
      <c r="B29" s="134"/>
      <c r="C29" s="138" t="s">
        <v>195</v>
      </c>
      <c r="D29" s="138"/>
      <c r="E29" s="169"/>
      <c r="F29" s="169"/>
      <c r="G29" s="170"/>
    </row>
    <row r="30" spans="2:7" ht="15" x14ac:dyDescent="0.25">
      <c r="B30" s="133" t="s">
        <v>196</v>
      </c>
      <c r="C30" s="137" t="s">
        <v>197</v>
      </c>
      <c r="D30" s="137"/>
      <c r="E30" s="167"/>
      <c r="F30" s="167"/>
      <c r="G30" s="168"/>
    </row>
    <row r="31" spans="2:7" ht="15" x14ac:dyDescent="0.25">
      <c r="B31" s="134"/>
      <c r="C31" s="138" t="s">
        <v>198</v>
      </c>
      <c r="D31" s="138"/>
      <c r="E31" s="169"/>
      <c r="F31" s="169"/>
      <c r="G31" s="170"/>
    </row>
    <row r="32" spans="2:7" ht="15" x14ac:dyDescent="0.25">
      <c r="B32" s="134"/>
      <c r="C32" s="138" t="s">
        <v>199</v>
      </c>
      <c r="D32" s="138"/>
      <c r="E32" s="169"/>
      <c r="F32" s="169"/>
      <c r="G32" s="170"/>
    </row>
    <row r="33" spans="2:7" ht="15" x14ac:dyDescent="0.25">
      <c r="B33" s="134"/>
      <c r="C33" s="138" t="s">
        <v>200</v>
      </c>
      <c r="D33" s="138"/>
      <c r="E33" s="169"/>
      <c r="F33" s="169"/>
      <c r="G33" s="170"/>
    </row>
    <row r="34" spans="2:7" ht="15" x14ac:dyDescent="0.25">
      <c r="B34" s="134"/>
      <c r="C34" s="138" t="s">
        <v>201</v>
      </c>
      <c r="D34" s="138"/>
      <c r="E34" s="169"/>
      <c r="F34" s="169"/>
      <c r="G34" s="170"/>
    </row>
    <row r="35" spans="2:7" ht="15" x14ac:dyDescent="0.25">
      <c r="B35" s="134"/>
      <c r="C35" s="138" t="s">
        <v>195</v>
      </c>
      <c r="D35" s="138"/>
      <c r="E35" s="169"/>
      <c r="F35" s="169"/>
      <c r="G35" s="170"/>
    </row>
    <row r="36" spans="2:7" ht="15" x14ac:dyDescent="0.25">
      <c r="B36" s="133" t="s">
        <v>48</v>
      </c>
      <c r="C36" s="137" t="s">
        <v>172</v>
      </c>
      <c r="D36" s="137"/>
      <c r="E36" s="167"/>
      <c r="F36" s="167"/>
      <c r="G36" s="168"/>
    </row>
    <row r="37" spans="2:7" ht="15" x14ac:dyDescent="0.25">
      <c r="B37" s="134"/>
      <c r="C37" s="138" t="s">
        <v>173</v>
      </c>
      <c r="D37" s="138"/>
      <c r="E37" s="169"/>
      <c r="F37" s="169"/>
      <c r="G37" s="170"/>
    </row>
    <row r="38" spans="2:7" ht="15.75" thickBot="1" x14ac:dyDescent="0.3">
      <c r="B38" s="134"/>
      <c r="C38" s="138" t="s">
        <v>195</v>
      </c>
      <c r="D38" s="179"/>
      <c r="E38" s="171"/>
      <c r="F38" s="169"/>
      <c r="G38" s="170"/>
    </row>
    <row r="39" spans="2:7" ht="30" x14ac:dyDescent="0.25">
      <c r="B39" s="133" t="s">
        <v>202</v>
      </c>
      <c r="C39" s="137" t="s">
        <v>203</v>
      </c>
      <c r="D39" s="137"/>
      <c r="E39" s="138" t="s">
        <v>359</v>
      </c>
      <c r="F39" s="167"/>
      <c r="G39" s="168"/>
    </row>
    <row r="40" spans="2:7" ht="45.75" thickBot="1" x14ac:dyDescent="0.3">
      <c r="B40" s="134"/>
      <c r="C40" s="138" t="s">
        <v>204</v>
      </c>
      <c r="D40" s="138"/>
      <c r="E40" s="138" t="s">
        <v>358</v>
      </c>
      <c r="F40" s="169"/>
      <c r="G40" s="170"/>
    </row>
    <row r="41" spans="2:7" ht="15" x14ac:dyDescent="0.25">
      <c r="B41" s="133" t="s">
        <v>205</v>
      </c>
      <c r="C41" s="137" t="s">
        <v>206</v>
      </c>
      <c r="D41" s="137"/>
      <c r="E41" s="167"/>
      <c r="F41" s="167"/>
      <c r="G41" s="168"/>
    </row>
    <row r="42" spans="2:7" ht="45" x14ac:dyDescent="0.25">
      <c r="B42" s="134" t="s">
        <v>207</v>
      </c>
      <c r="C42" s="138" t="s">
        <v>208</v>
      </c>
      <c r="D42" s="138"/>
      <c r="E42" s="169"/>
      <c r="F42" s="169"/>
      <c r="G42" s="170"/>
    </row>
    <row r="43" spans="2:7" ht="15" x14ac:dyDescent="0.25">
      <c r="B43" s="134"/>
      <c r="C43" s="138" t="s">
        <v>209</v>
      </c>
      <c r="D43" s="138"/>
      <c r="E43" s="169"/>
      <c r="F43" s="169"/>
      <c r="G43" s="170"/>
    </row>
    <row r="44" spans="2:7" ht="15" x14ac:dyDescent="0.25">
      <c r="B44" s="135"/>
      <c r="C44" s="139" t="s">
        <v>210</v>
      </c>
      <c r="D44" s="139"/>
      <c r="E44" s="171"/>
      <c r="F44" s="171"/>
      <c r="G44" s="172"/>
    </row>
    <row r="45" spans="2:7" ht="15" x14ac:dyDescent="0.25">
      <c r="B45" s="53"/>
      <c r="C45" s="53"/>
      <c r="D45" s="53"/>
    </row>
  </sheetData>
  <pageMargins left="0.7" right="0.7" top="0.75" bottom="0.75" header="0.3" footer="0.3"/>
  <pageSetup paperSize="9"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4C0F42-F09D-41C3-8883-5AF23D85F90A}">
  <dimension ref="A1:G45"/>
  <sheetViews>
    <sheetView workbookViewId="0">
      <selection activeCell="L19" sqref="L19"/>
    </sheetView>
  </sheetViews>
  <sheetFormatPr defaultRowHeight="14.25" x14ac:dyDescent="0.2"/>
  <cols>
    <col min="2" max="6" width="25.625" customWidth="1"/>
    <col min="7" max="7" width="37.125" customWidth="1"/>
  </cols>
  <sheetData>
    <row r="1" spans="1:7" ht="15" x14ac:dyDescent="0.2">
      <c r="A1" s="203"/>
      <c r="B1" s="203"/>
      <c r="C1" s="5"/>
      <c r="D1" s="5"/>
      <c r="E1" s="5"/>
      <c r="F1" s="5"/>
      <c r="G1" s="5"/>
    </row>
    <row r="2" spans="1:7" ht="15" x14ac:dyDescent="0.2">
      <c r="A2" s="203"/>
      <c r="B2" s="203"/>
      <c r="C2" s="5"/>
      <c r="D2" s="5"/>
      <c r="E2" s="5"/>
      <c r="F2" s="5"/>
      <c r="G2" s="5"/>
    </row>
    <row r="3" spans="1:7" ht="15.75" thickBot="1" x14ac:dyDescent="0.25">
      <c r="A3" s="203"/>
      <c r="B3" s="203"/>
      <c r="C3" s="5"/>
      <c r="D3" s="5"/>
      <c r="E3" s="5"/>
      <c r="F3" s="5"/>
      <c r="G3" s="5"/>
    </row>
    <row r="4" spans="1:7" ht="78.95" customHeight="1" thickBot="1" x14ac:dyDescent="0.25">
      <c r="A4" s="203"/>
      <c r="B4" s="205"/>
      <c r="C4" s="206" t="s">
        <v>211</v>
      </c>
      <c r="D4" s="207"/>
      <c r="E4" s="207"/>
      <c r="F4" s="207"/>
      <c r="G4" s="208"/>
    </row>
    <row r="5" spans="1:7" ht="15.75" thickBot="1" x14ac:dyDescent="0.25">
      <c r="A5" s="203"/>
      <c r="B5" s="203"/>
      <c r="C5" s="5"/>
      <c r="D5" s="5"/>
      <c r="E5" s="5"/>
      <c r="F5" s="5"/>
      <c r="G5" s="5"/>
    </row>
    <row r="6" spans="1:7" ht="15.75" thickBot="1" x14ac:dyDescent="0.25">
      <c r="A6" s="5"/>
      <c r="B6" s="200" t="s">
        <v>29</v>
      </c>
      <c r="C6" s="201"/>
      <c r="D6" s="201"/>
      <c r="E6" s="201"/>
      <c r="F6" s="201"/>
      <c r="G6" s="202"/>
    </row>
    <row r="7" spans="1:7" ht="15" x14ac:dyDescent="0.2">
      <c r="A7" s="5"/>
      <c r="B7" s="6" t="s">
        <v>212</v>
      </c>
      <c r="C7" s="7" t="s">
        <v>213</v>
      </c>
      <c r="D7" s="7" t="s">
        <v>25</v>
      </c>
      <c r="E7" s="7" t="s">
        <v>26</v>
      </c>
      <c r="F7" s="8" t="s">
        <v>27</v>
      </c>
      <c r="G7" s="9" t="s">
        <v>214</v>
      </c>
    </row>
    <row r="8" spans="1:7" ht="15" x14ac:dyDescent="0.2">
      <c r="A8" s="5"/>
      <c r="B8" s="10" t="s">
        <v>215</v>
      </c>
      <c r="C8" s="11"/>
      <c r="D8" s="11"/>
      <c r="E8" s="11"/>
      <c r="F8" s="12"/>
      <c r="G8" s="13"/>
    </row>
    <row r="9" spans="1:7" ht="15" x14ac:dyDescent="0.2">
      <c r="A9" s="5"/>
      <c r="B9" s="10" t="s">
        <v>216</v>
      </c>
      <c r="C9" s="11"/>
      <c r="D9" s="11"/>
      <c r="E9" s="11"/>
      <c r="F9" s="12"/>
      <c r="G9" s="13"/>
    </row>
    <row r="10" spans="1:7" ht="15" x14ac:dyDescent="0.2">
      <c r="A10" s="5"/>
      <c r="B10" s="10" t="s">
        <v>38</v>
      </c>
      <c r="C10" s="11"/>
      <c r="D10" s="11"/>
      <c r="E10" s="11"/>
      <c r="F10" s="12"/>
      <c r="G10" s="13"/>
    </row>
    <row r="11" spans="1:7" ht="15" x14ac:dyDescent="0.2">
      <c r="A11" s="5"/>
      <c r="B11" s="10" t="s">
        <v>217</v>
      </c>
      <c r="C11" s="11"/>
      <c r="D11" s="11"/>
      <c r="E11" s="11"/>
      <c r="F11" s="12"/>
      <c r="G11" s="13"/>
    </row>
    <row r="12" spans="1:7" ht="15" x14ac:dyDescent="0.2">
      <c r="A12" s="5"/>
      <c r="B12" s="10" t="s">
        <v>44</v>
      </c>
      <c r="C12" s="11"/>
      <c r="D12" s="11"/>
      <c r="E12" s="11"/>
      <c r="F12" s="12"/>
      <c r="G12" s="13"/>
    </row>
    <row r="13" spans="1:7" ht="15" x14ac:dyDescent="0.2">
      <c r="A13" s="5"/>
      <c r="B13" s="10" t="s">
        <v>218</v>
      </c>
      <c r="C13" s="11"/>
      <c r="D13" s="11"/>
      <c r="E13" s="11"/>
      <c r="F13" s="12"/>
      <c r="G13" s="13"/>
    </row>
    <row r="14" spans="1:7" ht="15" x14ac:dyDescent="0.2">
      <c r="A14" s="5"/>
      <c r="B14" s="10" t="s">
        <v>219</v>
      </c>
      <c r="C14" s="11"/>
      <c r="D14" s="11"/>
      <c r="E14" s="11"/>
      <c r="F14" s="12"/>
      <c r="G14" s="13"/>
    </row>
    <row r="15" spans="1:7" ht="15" x14ac:dyDescent="0.2">
      <c r="A15" s="5"/>
      <c r="B15" s="10" t="s">
        <v>50</v>
      </c>
      <c r="C15" s="11"/>
      <c r="D15" s="11"/>
      <c r="E15" s="11"/>
      <c r="F15" s="12"/>
      <c r="G15" s="13"/>
    </row>
    <row r="16" spans="1:7" ht="15" x14ac:dyDescent="0.2">
      <c r="A16" s="5"/>
      <c r="B16" s="10" t="s">
        <v>220</v>
      </c>
      <c r="C16" s="14"/>
      <c r="D16" s="14"/>
      <c r="E16" s="14"/>
      <c r="F16" s="15"/>
      <c r="G16" s="16"/>
    </row>
    <row r="17" spans="1:7" ht="15" x14ac:dyDescent="0.2">
      <c r="A17" s="5"/>
      <c r="B17" s="17" t="s">
        <v>221</v>
      </c>
      <c r="C17" s="14"/>
      <c r="D17" s="14"/>
      <c r="E17" s="14"/>
      <c r="F17" s="15"/>
      <c r="G17" s="16"/>
    </row>
    <row r="18" spans="1:7" ht="15" x14ac:dyDescent="0.2">
      <c r="A18" s="5"/>
      <c r="B18" s="10" t="s">
        <v>222</v>
      </c>
      <c r="C18" s="14"/>
      <c r="D18" s="14"/>
      <c r="E18" s="14"/>
      <c r="F18" s="15"/>
      <c r="G18" s="16"/>
    </row>
    <row r="19" spans="1:7" ht="30" x14ac:dyDescent="0.2">
      <c r="A19" s="5"/>
      <c r="B19" s="10" t="s">
        <v>223</v>
      </c>
      <c r="C19" s="14"/>
      <c r="D19" s="14"/>
      <c r="E19" s="14"/>
      <c r="F19" s="15"/>
      <c r="G19" s="16"/>
    </row>
    <row r="20" spans="1:7" ht="15" x14ac:dyDescent="0.2">
      <c r="A20" s="5"/>
      <c r="B20" s="10" t="s">
        <v>224</v>
      </c>
      <c r="C20" s="14"/>
      <c r="D20" s="14"/>
      <c r="E20" s="14"/>
      <c r="F20" s="15"/>
      <c r="G20" s="16"/>
    </row>
    <row r="21" spans="1:7" ht="15" x14ac:dyDescent="0.2">
      <c r="A21" s="5"/>
      <c r="B21" s="10"/>
      <c r="C21" s="14"/>
      <c r="D21" s="14"/>
      <c r="E21" s="14"/>
      <c r="F21" s="15"/>
      <c r="G21" s="16"/>
    </row>
    <row r="22" spans="1:7" ht="15" x14ac:dyDescent="0.2">
      <c r="A22" s="5"/>
      <c r="B22" s="18" t="s">
        <v>225</v>
      </c>
      <c r="C22" s="14"/>
      <c r="D22" s="14"/>
      <c r="E22" s="14"/>
      <c r="F22" s="15"/>
      <c r="G22" s="16"/>
    </row>
    <row r="23" spans="1:7" ht="15.75" thickBot="1" x14ac:dyDescent="0.25">
      <c r="A23" s="5"/>
      <c r="B23" s="19"/>
      <c r="C23" s="20"/>
      <c r="D23" s="20"/>
      <c r="E23" s="20"/>
      <c r="F23" s="21"/>
      <c r="G23" s="22"/>
    </row>
    <row r="24" spans="1:7" ht="15.75" thickBot="1" x14ac:dyDescent="0.25">
      <c r="A24" s="203"/>
      <c r="B24" s="203"/>
      <c r="C24" s="5"/>
      <c r="D24" s="5"/>
      <c r="E24" s="5"/>
      <c r="F24" s="5"/>
      <c r="G24" s="5"/>
    </row>
    <row r="25" spans="1:7" ht="15.75" thickBot="1" x14ac:dyDescent="0.25">
      <c r="A25" s="5"/>
      <c r="B25" s="200" t="s">
        <v>30</v>
      </c>
      <c r="C25" s="201"/>
      <c r="D25" s="201"/>
      <c r="E25" s="201"/>
      <c r="F25" s="201"/>
      <c r="G25" s="204"/>
    </row>
    <row r="26" spans="1:7" ht="15" x14ac:dyDescent="0.2">
      <c r="A26" s="5"/>
      <c r="B26" s="47" t="s">
        <v>69</v>
      </c>
      <c r="C26" s="48" t="s">
        <v>226</v>
      </c>
      <c r="D26" s="48" t="s">
        <v>25</v>
      </c>
      <c r="E26" s="48" t="s">
        <v>26</v>
      </c>
      <c r="F26" s="8" t="s">
        <v>27</v>
      </c>
      <c r="G26" s="9" t="s">
        <v>214</v>
      </c>
    </row>
    <row r="27" spans="1:7" ht="15" x14ac:dyDescent="0.2">
      <c r="A27" s="5"/>
      <c r="B27" s="23" t="s">
        <v>227</v>
      </c>
      <c r="C27" s="24" t="s">
        <v>228</v>
      </c>
      <c r="D27" s="24" t="s">
        <v>229</v>
      </c>
      <c r="E27" s="26" t="s">
        <v>230</v>
      </c>
      <c r="F27" s="27"/>
      <c r="G27" s="28"/>
    </row>
    <row r="28" spans="1:7" ht="15" x14ac:dyDescent="0.2">
      <c r="A28" s="5"/>
      <c r="B28" s="23" t="s">
        <v>231</v>
      </c>
      <c r="C28" s="24"/>
      <c r="D28" s="24"/>
      <c r="E28" s="24"/>
      <c r="F28" s="29"/>
      <c r="G28" s="28"/>
    </row>
    <row r="29" spans="1:7" ht="15" x14ac:dyDescent="0.2">
      <c r="A29" s="5"/>
      <c r="B29" s="23" t="s">
        <v>232</v>
      </c>
      <c r="C29" s="24"/>
      <c r="D29" s="24"/>
      <c r="E29" s="24"/>
      <c r="F29" s="29"/>
      <c r="G29" s="28"/>
    </row>
    <row r="30" spans="1:7" ht="30" x14ac:dyDescent="0.2">
      <c r="A30" s="5"/>
      <c r="B30" s="23" t="s">
        <v>54</v>
      </c>
      <c r="C30" s="24"/>
      <c r="D30" s="24"/>
      <c r="E30" s="24"/>
      <c r="F30" s="29"/>
      <c r="G30" s="28"/>
    </row>
    <row r="31" spans="1:7" ht="15" x14ac:dyDescent="0.2">
      <c r="A31" s="5"/>
      <c r="B31" s="23" t="s">
        <v>233</v>
      </c>
      <c r="C31" s="24" t="s">
        <v>234</v>
      </c>
      <c r="D31" s="24"/>
      <c r="E31" s="25"/>
      <c r="F31" s="27"/>
      <c r="G31" s="28"/>
    </row>
    <row r="32" spans="1:7" ht="15" x14ac:dyDescent="0.2">
      <c r="A32" s="5"/>
      <c r="B32" s="23" t="s">
        <v>235</v>
      </c>
      <c r="C32" s="24"/>
      <c r="D32" s="24"/>
      <c r="E32" s="24"/>
      <c r="F32" s="29"/>
      <c r="G32" s="28"/>
    </row>
    <row r="33" spans="1:7" ht="15" x14ac:dyDescent="0.2">
      <c r="A33" s="5"/>
      <c r="B33" s="23" t="s">
        <v>236</v>
      </c>
      <c r="C33" s="24"/>
      <c r="D33" s="24"/>
      <c r="E33" s="24"/>
      <c r="F33" s="29"/>
      <c r="G33" s="28"/>
    </row>
    <row r="34" spans="1:7" ht="15" x14ac:dyDescent="0.2">
      <c r="A34" s="5"/>
      <c r="B34" s="30" t="s">
        <v>237</v>
      </c>
      <c r="C34" s="24"/>
      <c r="D34" s="24"/>
      <c r="E34" s="24"/>
      <c r="F34" s="29"/>
      <c r="G34" s="28"/>
    </row>
    <row r="35" spans="1:7" ht="15" x14ac:dyDescent="0.2">
      <c r="A35" s="5"/>
      <c r="B35" s="30" t="s">
        <v>238</v>
      </c>
      <c r="C35" s="24"/>
      <c r="D35" s="24"/>
      <c r="E35" s="24"/>
      <c r="F35" s="29"/>
      <c r="G35" s="28"/>
    </row>
    <row r="36" spans="1:7" ht="30" x14ac:dyDescent="0.2">
      <c r="A36" s="5"/>
      <c r="B36" s="23" t="s">
        <v>239</v>
      </c>
      <c r="C36" s="31"/>
      <c r="D36" s="31"/>
      <c r="E36" s="31"/>
      <c r="F36" s="32"/>
      <c r="G36" s="33"/>
    </row>
    <row r="37" spans="1:7" ht="15" x14ac:dyDescent="0.2">
      <c r="A37" s="5"/>
      <c r="B37" s="30" t="s">
        <v>202</v>
      </c>
      <c r="C37" s="31"/>
      <c r="D37" s="31"/>
      <c r="E37" s="31"/>
      <c r="F37" s="32"/>
      <c r="G37" s="33"/>
    </row>
    <row r="38" spans="1:7" ht="15" x14ac:dyDescent="0.2">
      <c r="A38" s="5"/>
      <c r="B38" s="34" t="s">
        <v>240</v>
      </c>
      <c r="C38" s="31"/>
      <c r="D38" s="31"/>
      <c r="E38" s="36" t="s">
        <v>241</v>
      </c>
      <c r="F38" s="37"/>
      <c r="G38" s="33"/>
    </row>
    <row r="39" spans="1:7" ht="30" x14ac:dyDescent="0.2">
      <c r="A39" s="5"/>
      <c r="B39" s="38" t="s">
        <v>242</v>
      </c>
      <c r="C39" s="31"/>
      <c r="D39" s="31"/>
      <c r="E39" s="36" t="s">
        <v>243</v>
      </c>
      <c r="F39" s="37"/>
      <c r="G39" s="33"/>
    </row>
    <row r="40" spans="1:7" ht="30" x14ac:dyDescent="0.2">
      <c r="A40" s="5"/>
      <c r="B40" s="38" t="s">
        <v>244</v>
      </c>
      <c r="C40" s="31"/>
      <c r="D40" s="31"/>
      <c r="E40" s="36" t="s">
        <v>245</v>
      </c>
      <c r="F40" s="37"/>
      <c r="G40" s="33"/>
    </row>
    <row r="41" spans="1:7" ht="15" x14ac:dyDescent="0.2">
      <c r="A41" s="5"/>
      <c r="B41" s="38" t="s">
        <v>42</v>
      </c>
      <c r="C41" s="31"/>
      <c r="D41" s="31"/>
      <c r="E41" s="35"/>
      <c r="F41" s="37"/>
      <c r="G41" s="33"/>
    </row>
    <row r="42" spans="1:7" ht="15" x14ac:dyDescent="0.2">
      <c r="A42" s="5"/>
      <c r="B42" s="39"/>
      <c r="C42" s="31"/>
      <c r="D42" s="31"/>
      <c r="E42" s="31"/>
      <c r="F42" s="32"/>
      <c r="G42" s="33"/>
    </row>
    <row r="43" spans="1:7" ht="15" x14ac:dyDescent="0.2">
      <c r="A43" s="5"/>
      <c r="B43" s="18" t="s">
        <v>225</v>
      </c>
      <c r="C43" s="31"/>
      <c r="D43" s="31"/>
      <c r="E43" s="31"/>
      <c r="F43" s="32"/>
      <c r="G43" s="33"/>
    </row>
    <row r="44" spans="1:7" ht="15" x14ac:dyDescent="0.2">
      <c r="A44" s="5"/>
      <c r="B44" s="40"/>
      <c r="C44" s="41"/>
      <c r="D44" s="31" t="s">
        <v>246</v>
      </c>
      <c r="E44" s="31"/>
      <c r="F44" s="32"/>
      <c r="G44" s="33"/>
    </row>
    <row r="45" spans="1:7" ht="15.75" thickBot="1" x14ac:dyDescent="0.25">
      <c r="A45" s="5"/>
      <c r="B45" s="42"/>
      <c r="C45" s="43"/>
      <c r="D45" s="44"/>
      <c r="E45" s="44"/>
      <c r="F45" s="45"/>
      <c r="G45" s="46"/>
    </row>
  </sheetData>
  <mergeCells count="9">
    <mergeCell ref="B6:G6"/>
    <mergeCell ref="A24:B24"/>
    <mergeCell ref="B25:G25"/>
    <mergeCell ref="A1:B1"/>
    <mergeCell ref="A2:B2"/>
    <mergeCell ref="A3:B3"/>
    <mergeCell ref="A4:B4"/>
    <mergeCell ref="C4:G4"/>
    <mergeCell ref="A5:B5"/>
  </mergeCells>
  <hyperlinks>
    <hyperlink ref="E27" r:id="rId1" display="mailto:Jamie.Gregory@gov.scot" xr:uid="{08F3431A-752D-48D3-AD38-6EBA4D930F37}"/>
    <hyperlink ref="E38" r:id="rId2" xr:uid="{F9F5EC5E-9CDD-48F7-B96B-99E87B5E2470}"/>
    <hyperlink ref="E39" r:id="rId3" xr:uid="{C5431ADB-995F-4F5E-B005-931CDAA9AE99}"/>
    <hyperlink ref="E40" r:id="rId4" display="https://www.ahss.org.uk/" xr:uid="{F5109EF3-9A59-4184-A0BE-04F1709A426F}"/>
  </hyperlinks>
  <pageMargins left="0.7" right="0.7" top="0.75" bottom="0.75" header="0.3" footer="0.3"/>
  <pageSetup paperSize="9" orientation="portrait" r:id="rId5"/>
  <drawing r:id="rId6"/>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8987703-de75-48da-b087-7aada7b05a0e" xsi:nil="true"/>
    <lcf76f155ced4ddcb4097134ff3c332f xmlns="577da54d-2b22-48a0-ad1e-b14c88199caa">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1E8D0B7D60BA674C8DDEE201A70F1CFD" ma:contentTypeVersion="18" ma:contentTypeDescription="Create a new document." ma:contentTypeScope="" ma:versionID="15492d11610712195918020afefdc361">
  <xsd:schema xmlns:xsd="http://www.w3.org/2001/XMLSchema" xmlns:xs="http://www.w3.org/2001/XMLSchema" xmlns:p="http://schemas.microsoft.com/office/2006/metadata/properties" xmlns:ns2="577da54d-2b22-48a0-ad1e-b14c88199caa" xmlns:ns3="28987703-de75-48da-b087-7aada7b05a0e" targetNamespace="http://schemas.microsoft.com/office/2006/metadata/properties" ma:root="true" ma:fieldsID="17de960ff59858a64eb2fd9a180c9711" ns2:_="" ns3:_="">
    <xsd:import namespace="577da54d-2b22-48a0-ad1e-b14c88199caa"/>
    <xsd:import namespace="28987703-de75-48da-b087-7aada7b05a0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DateTaken" minOccurs="0"/>
                <xsd:element ref="ns2:MediaServiceAutoTags" minOccurs="0"/>
                <xsd:element ref="ns2:MediaServiceLocation" minOccurs="0"/>
                <xsd:element ref="ns2:MediaServiceGenerationTime" minOccurs="0"/>
                <xsd:element ref="ns2:MediaServiceEventHashCode" minOccurs="0"/>
                <xsd:element ref="ns2:MediaServiceOCR"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77da54d-2b22-48a0-ad1e-b14c88199ca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d819da06-8328-48d8-9e4c-d7fdac2f20a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28987703-de75-48da-b087-7aada7b05a0e"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6a243f8e-2c42-46f6-ac07-babe9a704f45}" ma:internalName="TaxCatchAll" ma:showField="CatchAllData" ma:web="28987703-de75-48da-b087-7aada7b05a0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DC50C4AD-123B-44D5-923A-912D0065CDD4}">
  <ds:schemaRefs>
    <ds:schemaRef ds:uri="http://purl.org/dc/terms/"/>
    <ds:schemaRef ds:uri="http://schemas.microsoft.com/office/2006/documentManagement/types"/>
    <ds:schemaRef ds:uri="http://schemas.microsoft.com/sharepoint/v3"/>
    <ds:schemaRef ds:uri="9dd21697-d54a-4d5f-81de-166a21c72487"/>
    <ds:schemaRef ds:uri="http://schemas.microsoft.com/office/infopath/2007/PartnerControls"/>
    <ds:schemaRef ds:uri="http://schemas.openxmlformats.org/package/2006/metadata/core-properties"/>
    <ds:schemaRef ds:uri="http://schemas.microsoft.com/office/2006/metadata/properties"/>
    <ds:schemaRef ds:uri="http://purl.org/dc/dcmitype/"/>
    <ds:schemaRef ds:uri="c3a08650-500e-4250-aff7-3a2d63db289f"/>
    <ds:schemaRef ds:uri="http://www.w3.org/XML/1998/namespace"/>
    <ds:schemaRef ds:uri="http://purl.org/dc/elements/1.1/"/>
    <ds:schemaRef ds:uri="28987703-de75-48da-b087-7aada7b05a0e"/>
    <ds:schemaRef ds:uri="577da54d-2b22-48a0-ad1e-b14c88199caa"/>
  </ds:schemaRefs>
</ds:datastoreItem>
</file>

<file path=customXml/itemProps2.xml><?xml version="1.0" encoding="utf-8"?>
<ds:datastoreItem xmlns:ds="http://schemas.openxmlformats.org/officeDocument/2006/customXml" ds:itemID="{E650086B-C602-4D73-893A-28914AFB2C56}">
  <ds:schemaRefs>
    <ds:schemaRef ds:uri="http://schemas.microsoft.com/sharepoint/v3/contenttype/forms"/>
  </ds:schemaRefs>
</ds:datastoreItem>
</file>

<file path=customXml/itemProps3.xml><?xml version="1.0" encoding="utf-8"?>
<ds:datastoreItem xmlns:ds="http://schemas.openxmlformats.org/officeDocument/2006/customXml" ds:itemID="{FA17AD1F-AFFC-4DE3-9F3A-B736E08015BD}"/>
</file>

<file path=customXml/itemProps4.xml><?xml version="1.0" encoding="utf-8"?>
<ds:datastoreItem xmlns:ds="http://schemas.openxmlformats.org/officeDocument/2006/customXml" ds:itemID="{E59C169C-5B71-4139-B067-6BD7D31FA149}">
  <ds:schemaRefs/>
</ds:datastoreItem>
</file>

<file path=customXml/itemProps5.xml><?xml version="1.0" encoding="utf-8"?>
<ds:datastoreItem xmlns:ds="http://schemas.openxmlformats.org/officeDocument/2006/customXml" ds:itemID="{62CB8C1F-D40D-4C86-BB4B-0CF96D922D6C}">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7</vt:i4>
      </vt:variant>
    </vt:vector>
  </HeadingPairs>
  <TitlesOfParts>
    <vt:vector size="7" baseType="lpstr">
      <vt:lpstr>Intro</vt:lpstr>
      <vt:lpstr>1. Identify</vt:lpstr>
      <vt:lpstr>2. Map and Analyse - Internal </vt:lpstr>
      <vt:lpstr>2. Map and Analyse - External</vt:lpstr>
      <vt:lpstr>3. Plan</vt:lpstr>
      <vt:lpstr>4. Engage</vt:lpstr>
      <vt:lpstr>Policy_Strategy Review Template</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aura Clegg</dc:creator>
  <cp:keywords/>
  <dc:description/>
  <cp:lastModifiedBy>Chris Morrison</cp:lastModifiedBy>
  <cp:revision/>
  <dcterms:created xsi:type="dcterms:W3CDTF">2023-03-07T17:47:06Z</dcterms:created>
  <dcterms:modified xsi:type="dcterms:W3CDTF">2023-05-04T10:20:42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7895971939556465</vt:lpwstr>
  </property>
  <property fmtid="{D5CDD505-2E9C-101B-9397-08002B2CF9AE}" pid="11" name="TemplafyUserProfileId">
    <vt:lpwstr>637792170258904237</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1E8D0B7D60BA674C8DDEE201A70F1CFD</vt:lpwstr>
  </property>
  <property fmtid="{D5CDD505-2E9C-101B-9397-08002B2CF9AE}" pid="15" name="Arup_Tags">
    <vt:lpwstr/>
  </property>
  <property fmtid="{D5CDD505-2E9C-101B-9397-08002B2CF9AE}" pid="16" name="CO_Topics">
    <vt:lpwstr/>
  </property>
  <property fmtid="{D5CDD505-2E9C-101B-9397-08002B2CF9AE}" pid="17" name="Arup_TypeOfContent">
    <vt:lpwstr/>
  </property>
  <property fmtid="{D5CDD505-2E9C-101B-9397-08002B2CF9AE}" pid="18" name="CO_Communities">
    <vt:lpwstr/>
  </property>
</Properties>
</file>